
<file path=[Content_Types].xml><?xml version="1.0" encoding="utf-8"?>
<Types xmlns="http://schemas.openxmlformats.org/package/2006/content-types">
  <Default ContentType="application/vnd.openxmlformats-officedocument.spreadsheetml.printerSettings" Extension="bin"/>
  <Default ContentType="application/vnd.openxmlformats-package.relationships+xml" Extension="rels"/>
  <Default ContentType="application/xml" Extension="xml"/>
  <Override ContentType="application/vnd.openxmlformats-officedocument.extended-properties+xml" PartName="/docProps/app.xml"/>
  <Override ContentType="application/vnd.openxmlformats-package.core-properties+xml" PartName="/docProps/core.xml"/>
  <Override ContentType="application/vnd.openxmlformats-officedocument.spreadsheetml.sharedStrings+xml" PartName="/xl/sharedStrings.xml"/>
  <Override ContentType="application/vnd.openxmlformats-officedocument.spreadsheetml.styles+xml" PartName="/xl/styles.xml"/>
  <Override ContentType="application/vnd.openxmlformats-officedocument.theme+xml" PartName="/xl/theme/theme1.xml"/>
  <Override ContentType="application/vnd.openxmlformats-officedocument.spreadsheetml.sheet.main+xml" PartName="/xl/workbook.xml"/>
  <Override ContentType="application/vnd.openxmlformats-officedocument.spreadsheetml.worksheet+xml" PartName="/xl/worksheets/sheet1.xml"/>
  <Override ContentType="application/vnd.openxmlformats-officedocument.spreadsheetml.worksheet+xml" PartName="/xl/worksheets/sheet2.xml"/>
  <Override ContentType="application/vnd.openxmlformats-officedocument.spreadsheetml.worksheet+xml" PartName="/xl/worksheets/sheet3.xml"/>
  <Override ContentType="application/vnd.openxmlformats-officedocument.spreadsheetml.worksheet+xml" PartName="/xl/worksheets/sheet4.xml"/>
  <Override ContentType="application/vnd.openxmlformats-officedocument.spreadsheetml.worksheet+xml" PartName="/xl/worksheets/sheet5.xml"/>
  <Override ContentType="application/vnd.openxmlformats-officedocument.spreadsheetml.worksheet+xml" PartName="/xl/worksheets/sheet6.xml"/>
  <Override ContentType="application/vnd.openxmlformats-officedocument.spreadsheetml.worksheet+xml" PartName="/xl/worksheets/sheet7.xml"/>
  <Override ContentType="application/vnd.openxmlformats-officedocument.spreadsheetml.worksheet+xml" PartName="/xl/worksheets/sheet8.xml"/>
  <Override ContentType="application/vnd.openxmlformats-officedocument.spreadsheetml.worksheet+xml" PartName="/xl/worksheets/sheet9.xml"/>
  <Override ContentType="application/vnd.openxmlformats-officedocument.spreadsheetml.worksheet+xml" PartName="/xl/worksheets/sheet10.xml"/>
  <Override ContentType="application/vnd.openxmlformats-officedocument.spreadsheetml.worksheet+xml" PartName="/xl/worksheets/sheet11.xml"/>
  <Override ContentType="application/vnd.openxmlformats-officedocument.spreadsheetml.worksheet+xml" PartName="/xl/worksheets/sheet12.xml"/>
  <Override ContentType="application/vnd.openxmlformats-officedocument.spreadsheetml.worksheet+xml" PartName="/xl/worksheets/sheet13.xml"/>
  <Override ContentType="application/vnd.openxmlformats-officedocument.spreadsheetml.worksheet+xml" PartName="/xl/worksheets/sheet14.xml"/>
  <Override ContentType="application/vnd.openxmlformats-officedocument.spreadsheetml.worksheet+xml" PartName="/xl/worksheets/sheet15.xml"/>
  <Override ContentType="application/vnd.openxmlformats-officedocument.spreadsheetml.worksheet+xml" PartName="/xl/worksheets/sheet16.xml"/>
  <Override ContentType="application/vnd.openxmlformats-officedocument.spreadsheetml.worksheet+xml" PartName="/xl/worksheets/sheet17.xml"/>
  <Override ContentType="application/vnd.openxmlformats-officedocument.spreadsheetml.worksheet+xml" PartName="/xl/worksheets/sheet18.xml"/>
  <Override ContentType="application/vnd.openxmlformats-officedocument.spreadsheetml.worksheet+xml" PartName="/xl/worksheets/sheet19.xml"/>
  <Override ContentType="application/vnd.openxmlformats-officedocument.spreadsheetml.worksheet+xml" PartName="/xl/worksheets/sheet20.xml"/>
  <Override ContentType="application/vnd.openxmlformats-officedocument.spreadsheetml.worksheet+xml" PartName="/xl/worksheets/sheet21.xml"/>
  <Override ContentType="application/vnd.openxmlformats-officedocument.spreadsheetml.worksheet+xml" PartName="/xl/worksheets/sheet22.xml"/>
  <Override ContentType="application/vnd.openxmlformats-officedocument.spreadsheetml.worksheet+xml" PartName="/xl/worksheets/sheet23.xml"/>
  <Override ContentType="application/vnd.openxmlformats-officedocument.spreadsheetml.worksheet+xml" PartName="/xl/worksheets/sheet24.xml"/>
</Types>
</file>

<file path=_rels/.rels><?xml version="1.0" encoding="UTF-8" standalone="no"?><Relationships xmlns="http://schemas.openxmlformats.org/package/2006/relationships"><Relationship Id="rId1" Target="xl/workbook.xml" Type="http://schemas.openxmlformats.org/officeDocument/2006/relationships/officeDocument"/><Relationship Id="rId2" Target="docProps/core.xml" Type="http://schemas.openxmlformats.org/package/2006/relationships/metadata/core-properties"/><Relationship Id="rId3" Target="docProps/app.xml" Type="http://schemas.openxmlformats.org/officeDocument/2006/relationships/extended-properties"/></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78\BLOCO VI\UFST\Comind\Medicamentos\_GIGLIOLA\GT\PLANILHA ST CV ICMS 18-2017\"/>
    </mc:Choice>
  </mc:AlternateContent>
  <bookViews>
    <workbookView xWindow="0" yWindow="0" windowWidth="28800" windowHeight="11430" tabRatio="952"/>
  </bookViews>
  <sheets>
    <sheet name="Autopeças" sheetId="3" r:id="rId1"/>
    <sheet name="Bebidas Quentes" sheetId="4" r:id="rId2"/>
    <sheet name="Bebidas Frias e cervejas" sheetId="5" r:id="rId3"/>
    <sheet name="Bebidas Frias e cervejas 2" sheetId="27" r:id="rId4"/>
    <sheet name="Cigarro" sheetId="6" r:id="rId5"/>
    <sheet name="Cimentos" sheetId="7" r:id="rId6"/>
    <sheet name="Ferramentas" sheetId="23" r:id="rId7"/>
    <sheet name="Lâmpadas" sheetId="8" r:id="rId8"/>
    <sheet name="Construção" sheetId="9" r:id="rId9"/>
    <sheet name="Limpeza" sheetId="10" r:id="rId10"/>
    <sheet name="Mat Elétricos" sheetId="11" r:id="rId11"/>
    <sheet name="Medicamentos" sheetId="12" r:id="rId12"/>
    <sheet name="Papeis, plasticos" sheetId="24" r:id="rId13"/>
    <sheet name="Pneumáticos" sheetId="13" r:id="rId14"/>
    <sheet name="Prod Alimentícios" sheetId="14" r:id="rId15"/>
    <sheet name="Prods. papelaria" sheetId="25" r:id="rId16"/>
    <sheet name="Perf e Higiene" sheetId="15" r:id="rId17"/>
    <sheet name="Eletroeletrônicos" sheetId="16" r:id="rId18"/>
    <sheet name="Rações" sheetId="17" r:id="rId19"/>
    <sheet name="Sorvetes" sheetId="18" r:id="rId20"/>
    <sheet name="Tintas" sheetId="19" r:id="rId21"/>
    <sheet name="Veículos Automotores" sheetId="20" r:id="rId22"/>
    <sheet name="Motos" sheetId="21" r:id="rId23"/>
    <sheet name="Porta a Porta" sheetId="22" r:id="rId24"/>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469" uniqueCount="1060">
  <si>
    <t>CEST</t>
  </si>
  <si>
    <t>Descrição</t>
  </si>
  <si>
    <t>Op Interna</t>
  </si>
  <si>
    <t>UF_2</t>
  </si>
  <si>
    <t>UF_3</t>
  </si>
  <si>
    <t>Especificação MVA_ST</t>
  </si>
  <si>
    <t>MVA ST</t>
  </si>
  <si>
    <t>Especificação PFC</t>
  </si>
  <si>
    <t>PFC</t>
  </si>
  <si>
    <t>Especificações Alíq Interna</t>
  </si>
  <si>
    <t>Alíq_Interna</t>
  </si>
  <si>
    <t>-</t>
  </si>
  <si>
    <t>S</t>
  </si>
  <si>
    <t xml:space="preserve"> </t>
  </si>
  <si>
    <t>17</t>
  </si>
  <si>
    <t>20</t>
  </si>
  <si>
    <t>FECOMP: 2% (Art. 41-A da Lei 1.810/97)</t>
  </si>
  <si>
    <t>22</t>
  </si>
  <si>
    <t>PMPF: DOE 9.714, Suplemento II, de 07/08/2018</t>
  </si>
  <si>
    <t>30</t>
  </si>
  <si>
    <t>0500100</t>
  </si>
  <si>
    <t>0800100</t>
  </si>
  <si>
    <t>0800200</t>
  </si>
  <si>
    <t>0800300</t>
  </si>
  <si>
    <t>0800400</t>
  </si>
  <si>
    <t>0800500</t>
  </si>
  <si>
    <t>0800600</t>
  </si>
  <si>
    <t>0800700</t>
  </si>
  <si>
    <t>0800800</t>
  </si>
  <si>
    <t>0800900</t>
  </si>
  <si>
    <t>0801000</t>
  </si>
  <si>
    <t>0801100</t>
  </si>
  <si>
    <t>0801200</t>
  </si>
  <si>
    <t>0801300</t>
  </si>
  <si>
    <t>0801400</t>
  </si>
  <si>
    <t>0801500</t>
  </si>
  <si>
    <t>0801600</t>
  </si>
  <si>
    <t>0801700</t>
  </si>
  <si>
    <t>0801800</t>
  </si>
  <si>
    <t>0801900</t>
  </si>
  <si>
    <t>0801901</t>
  </si>
  <si>
    <t>0802000</t>
  </si>
  <si>
    <t>0802100</t>
  </si>
  <si>
    <t>0802200</t>
  </si>
  <si>
    <t>0802300</t>
  </si>
  <si>
    <t>BC do ICMS ST conforme Art. 32 da Lei 1.810/97.</t>
  </si>
  <si>
    <t>Lei nº 1.810, art. 49, § 1º, XXIX</t>
  </si>
  <si>
    <t>ST INTERNA</t>
  </si>
  <si>
    <t>01.001.00</t>
  </si>
  <si>
    <t>01.002.00</t>
  </si>
  <si>
    <t>01.003.00</t>
  </si>
  <si>
    <t>01.004.00</t>
  </si>
  <si>
    <t>01.005.00</t>
  </si>
  <si>
    <t>01.006.00</t>
  </si>
  <si>
    <t>01.007.00</t>
  </si>
  <si>
    <t>01.008.00</t>
  </si>
  <si>
    <t>01.009.00</t>
  </si>
  <si>
    <t>01.010.00</t>
  </si>
  <si>
    <t>01.011.00</t>
  </si>
  <si>
    <t>01.012.00</t>
  </si>
  <si>
    <t>01.013.00</t>
  </si>
  <si>
    <t>01.014.00</t>
  </si>
  <si>
    <t>01.015.00</t>
  </si>
  <si>
    <t>01.016.00</t>
  </si>
  <si>
    <t>01.017.00</t>
  </si>
  <si>
    <t>01.018.00</t>
  </si>
  <si>
    <t>01.019.00</t>
  </si>
  <si>
    <t>01.020.00</t>
  </si>
  <si>
    <t>01.021.00</t>
  </si>
  <si>
    <t>01.022.00</t>
  </si>
  <si>
    <t>01.023.00</t>
  </si>
  <si>
    <t>01.024.00</t>
  </si>
  <si>
    <t>01.025.00</t>
  </si>
  <si>
    <t>01.026.00</t>
  </si>
  <si>
    <t>01.027.00</t>
  </si>
  <si>
    <t>01.028.00</t>
  </si>
  <si>
    <t>01.029.00</t>
  </si>
  <si>
    <t>01.030.00</t>
  </si>
  <si>
    <t>01.031.00</t>
  </si>
  <si>
    <t>01.032.00</t>
  </si>
  <si>
    <t>01.033.00</t>
  </si>
  <si>
    <t>01.034.00</t>
  </si>
  <si>
    <t>01.035.00</t>
  </si>
  <si>
    <t>01.036.00</t>
  </si>
  <si>
    <t>01.037.00</t>
  </si>
  <si>
    <t>01.038.00</t>
  </si>
  <si>
    <t>01.039.00</t>
  </si>
  <si>
    <t>01.040.00</t>
  </si>
  <si>
    <t>01.041.00</t>
  </si>
  <si>
    <t>01.042.00</t>
  </si>
  <si>
    <t>01.043.00</t>
  </si>
  <si>
    <t>01.044.00</t>
  </si>
  <si>
    <t>01.045.00</t>
  </si>
  <si>
    <t>01.045.01</t>
  </si>
  <si>
    <t>01.046.00</t>
  </si>
  <si>
    <t>01.047.00</t>
  </si>
  <si>
    <t>01.048.00</t>
  </si>
  <si>
    <t>01.049.00</t>
  </si>
  <si>
    <t>01.050.00</t>
  </si>
  <si>
    <t>01.051.00</t>
  </si>
  <si>
    <t>01.052.00</t>
  </si>
  <si>
    <t>01.053.00</t>
  </si>
  <si>
    <t>01.053.01</t>
  </si>
  <si>
    <t>01.054.00</t>
  </si>
  <si>
    <t>01.055.00</t>
  </si>
  <si>
    <t>01.056.00</t>
  </si>
  <si>
    <t>01.057.00</t>
  </si>
  <si>
    <t>01.058.00</t>
  </si>
  <si>
    <t>01.059.00</t>
  </si>
  <si>
    <t>01.060.00</t>
  </si>
  <si>
    <t>01.061.00</t>
  </si>
  <si>
    <t>01.062.00</t>
  </si>
  <si>
    <t>01.062.01</t>
  </si>
  <si>
    <t>01.063.00</t>
  </si>
  <si>
    <t>01.064.00</t>
  </si>
  <si>
    <t>01.065.00</t>
  </si>
  <si>
    <t>01.066.00</t>
  </si>
  <si>
    <t>01.067.00</t>
  </si>
  <si>
    <t>01.068.00</t>
  </si>
  <si>
    <t>01.069.00</t>
  </si>
  <si>
    <t>01.070.00</t>
  </si>
  <si>
    <t>01.071.00</t>
  </si>
  <si>
    <t>01.072.00</t>
  </si>
  <si>
    <t>01.073.00</t>
  </si>
  <si>
    <t>01.074.00</t>
  </si>
  <si>
    <t>01.075.00</t>
  </si>
  <si>
    <t>01.076.00</t>
  </si>
  <si>
    <t>01.077.00</t>
  </si>
  <si>
    <t>01.078.00</t>
  </si>
  <si>
    <t>01.079.00</t>
  </si>
  <si>
    <t>01.080.00</t>
  </si>
  <si>
    <t>01.081.00</t>
  </si>
  <si>
    <t>01.082.00</t>
  </si>
  <si>
    <t>01.083.00</t>
  </si>
  <si>
    <t>01.084.00</t>
  </si>
  <si>
    <t>01.085.00</t>
  </si>
  <si>
    <t>01.086.00</t>
  </si>
  <si>
    <t>01.087.00</t>
  </si>
  <si>
    <t>01.088.00</t>
  </si>
  <si>
    <t>01.089.00</t>
  </si>
  <si>
    <t>01.090.00</t>
  </si>
  <si>
    <t>01.091.00</t>
  </si>
  <si>
    <t>01.092.00</t>
  </si>
  <si>
    <t>01.093.00</t>
  </si>
  <si>
    <t>01.094.00</t>
  </si>
  <si>
    <t>01.095.00</t>
  </si>
  <si>
    <t>01.096.00</t>
  </si>
  <si>
    <t>01.097.00</t>
  </si>
  <si>
    <t>01.098.00</t>
  </si>
  <si>
    <t>01.099.00</t>
  </si>
  <si>
    <t>01.100.00</t>
  </si>
  <si>
    <t>01.101.00</t>
  </si>
  <si>
    <t>01.102.00</t>
  </si>
  <si>
    <t>01.103.00</t>
  </si>
  <si>
    <t>01.104.00</t>
  </si>
  <si>
    <t>01.105.00</t>
  </si>
  <si>
    <t>01.106.00</t>
  </si>
  <si>
    <t>01.107.00</t>
  </si>
  <si>
    <t>01.108.00</t>
  </si>
  <si>
    <t>01.109.00</t>
  </si>
  <si>
    <t>01.110.00</t>
  </si>
  <si>
    <t>01.111.00</t>
  </si>
  <si>
    <t>01.112.00</t>
  </si>
  <si>
    <t>01.113.00</t>
  </si>
  <si>
    <t>01.114.00</t>
  </si>
  <si>
    <t>01.115.00</t>
  </si>
  <si>
    <t>01.116.00</t>
  </si>
  <si>
    <t>01.117.00</t>
  </si>
  <si>
    <t>01.118.00</t>
  </si>
  <si>
    <t>01.119.00</t>
  </si>
  <si>
    <t>01.120.00</t>
  </si>
  <si>
    <t>01.121.00</t>
  </si>
  <si>
    <t>01.122.00</t>
  </si>
  <si>
    <t>01.123.00</t>
  </si>
  <si>
    <t>01.124.00</t>
  </si>
  <si>
    <t>01.125.00</t>
  </si>
  <si>
    <t>01.126.00</t>
  </si>
  <si>
    <t>01.127.00</t>
  </si>
  <si>
    <t>01.128.00</t>
  </si>
  <si>
    <t>01.999.00</t>
  </si>
  <si>
    <t xml:space="preserve">Observação.
A base de cálculo do imposto, para fins de substituição tributária, será o valor correspondente ao preço de venda ao consumidor, constante de tabela estabelecida por órgão competente ou, na falta desta, o preço sugerido pelo fabricante ou remetente, assim entendido aquele constante em catálogo ou lista de preços de sua emissão, acrescido em ambos os casos, do valor do frete quando não incluído no preço.
Na falta dos valores correspondente ao preço de venda ao consumidor, será adotado a MVA especifica.
</t>
  </si>
  <si>
    <t>Unidade Federada Destinatária / Declarante: MS</t>
  </si>
  <si>
    <t>Produção de efeitos a partir de 01/01/2017</t>
  </si>
  <si>
    <t>TABELA II DO ANEXO III AO DEC. 9.203/98 - RICMS/MS – SEGMENTO: AUTOPEÇAS</t>
  </si>
  <si>
    <t>Versão: 0001</t>
  </si>
  <si>
    <t>02.001.00</t>
  </si>
  <si>
    <t>02.002.00</t>
  </si>
  <si>
    <t>02.003.00</t>
  </si>
  <si>
    <t>02.004.00</t>
  </si>
  <si>
    <t>02.005.00</t>
  </si>
  <si>
    <t>02.006.00</t>
  </si>
  <si>
    <t>02.007.00</t>
  </si>
  <si>
    <t>02.008.00</t>
  </si>
  <si>
    <t>02.009.00</t>
  </si>
  <si>
    <t>02.010.00</t>
  </si>
  <si>
    <t>02.011.00</t>
  </si>
  <si>
    <t>02.012.00</t>
  </si>
  <si>
    <t>02.013.00</t>
  </si>
  <si>
    <t>02.014.00</t>
  </si>
  <si>
    <t>02.015.00</t>
  </si>
  <si>
    <t>02.016.00</t>
  </si>
  <si>
    <t>02.017.00</t>
  </si>
  <si>
    <t>02.018.00</t>
  </si>
  <si>
    <t>02.019.00</t>
  </si>
  <si>
    <t>02.020.00</t>
  </si>
  <si>
    <t>02.021.00</t>
  </si>
  <si>
    <t>02.022.00</t>
  </si>
  <si>
    <t>02.023.00</t>
  </si>
  <si>
    <t>02.024.00</t>
  </si>
  <si>
    <t>02.999.00</t>
  </si>
  <si>
    <t>PT ICMS 14/2006</t>
  </si>
  <si>
    <t>PT ICMS 15/2006</t>
  </si>
  <si>
    <t>PT ICMS 14/2007</t>
  </si>
  <si>
    <t>TABELAS III-A E III-B DO ANEXO III AO DEC. 9.203/98 - RICMS/MS – SEGMENTO: BEBIDAS ALCÓOLICAS, EXCETO CERVEJA E CHOPE</t>
  </si>
  <si>
    <t>AL, AP, CE, ES, MA, MT, MS, PB, PE, PI, RN, SE, TO, DF</t>
  </si>
  <si>
    <t>AL, AP, CE, MA, MT, MS, PB, PE, PI, RN, SE, TO, DF</t>
  </si>
  <si>
    <t>AL, MS, SP, DF</t>
  </si>
  <si>
    <t>PT ICMS 15/2007</t>
  </si>
  <si>
    <t>PT ICMS 14/2008</t>
  </si>
  <si>
    <t>PT ICMS 15/2008</t>
  </si>
  <si>
    <t>PT ICMS 14/2009</t>
  </si>
  <si>
    <t>PT ICMS 15/2009</t>
  </si>
  <si>
    <t>PT ICMS 14/2010</t>
  </si>
  <si>
    <t>PT ICMS 15/2010</t>
  </si>
  <si>
    <t>PT ICMS 14/2011</t>
  </si>
  <si>
    <t>PT ICMS 15/2011</t>
  </si>
  <si>
    <t>PT ICMS 14/2012</t>
  </si>
  <si>
    <t>PT ICMS 15/2012</t>
  </si>
  <si>
    <t>PT ICMS 14/2013</t>
  </si>
  <si>
    <t>PT ICMS 15/2013</t>
  </si>
  <si>
    <t>PT ICMS 14/2014</t>
  </si>
  <si>
    <t>PT ICMS 15/2014</t>
  </si>
  <si>
    <t>PT ICMS 14/2015</t>
  </si>
  <si>
    <t>PT ICMS 15/2015</t>
  </si>
  <si>
    <t>PT ICMS 14/2016</t>
  </si>
  <si>
    <t>PT ICMS 15/2016</t>
  </si>
  <si>
    <t>PT ICMS 14/2017</t>
  </si>
  <si>
    <t>PT ICMS 15/2017</t>
  </si>
  <si>
    <t>PT ICMS 14/2018</t>
  </si>
  <si>
    <t>PT ICMS 15/2018</t>
  </si>
  <si>
    <t>PT ICMS 14/2019</t>
  </si>
  <si>
    <t>PT ICMS 15/2019</t>
  </si>
  <si>
    <t>PT ICMS 14/2020</t>
  </si>
  <si>
    <t>PT ICMS 15/2020</t>
  </si>
  <si>
    <t>PT ICMS 14/2021</t>
  </si>
  <si>
    <t>PT ICMS 15/2021</t>
  </si>
  <si>
    <t>PT ICMS 14/2022</t>
  </si>
  <si>
    <t>PT ICMS 15/2022</t>
  </si>
  <si>
    <t>PT ICMS 14/2023</t>
  </si>
  <si>
    <t>PT ICMS 15/2023</t>
  </si>
  <si>
    <t>PT ICMS 14/2024</t>
  </si>
  <si>
    <t>PT ICMS 15/2024</t>
  </si>
  <si>
    <t>PT ICMS 14/2025</t>
  </si>
  <si>
    <t>PT ICMS 15/2025</t>
  </si>
  <si>
    <t>PT ICMS 14/2026</t>
  </si>
  <si>
    <t>PT ICMS 15/2026</t>
  </si>
  <si>
    <t>PT ICMS 14/2027</t>
  </si>
  <si>
    <t>PT ICMS 15/2027</t>
  </si>
  <si>
    <t>PT ICMS 14/2028</t>
  </si>
  <si>
    <t>PT ICMS 15/2028</t>
  </si>
  <si>
    <t>PT ICMS 14/2029</t>
  </si>
  <si>
    <t>PT ICMS 15/2029</t>
  </si>
  <si>
    <t>PT ICMS 14/2030</t>
  </si>
  <si>
    <t>PT ICMS 15/2030</t>
  </si>
  <si>
    <t>PT ICMS 14/2031</t>
  </si>
  <si>
    <t>TABELA IV-A DO ANEXO III AO DEC. 9.203/98 - RICMS/MS – SEGMENTO: CERVEJAS, CHOPES, REFRIGERANTES, ÁGUAS E OUTRAS BEBIDAS</t>
  </si>
  <si>
    <t>03.001.00</t>
  </si>
  <si>
    <t>03.002.00</t>
  </si>
  <si>
    <t>03.003.00</t>
  </si>
  <si>
    <t>03.004.00</t>
  </si>
  <si>
    <t>03.005.00</t>
  </si>
  <si>
    <t>03.006.00</t>
  </si>
  <si>
    <t>03.007.00</t>
  </si>
  <si>
    <t>03.008.00</t>
  </si>
  <si>
    <t>03.010.00</t>
  </si>
  <si>
    <t>03.011.00</t>
  </si>
  <si>
    <t>03.011.01</t>
  </si>
  <si>
    <t>03.012.00</t>
  </si>
  <si>
    <t>03.013.00</t>
  </si>
  <si>
    <t>03.014.00</t>
  </si>
  <si>
    <t>03.015.00</t>
  </si>
  <si>
    <t>03.016.00</t>
  </si>
  <si>
    <t>03.021.00</t>
  </si>
  <si>
    <t>03.022.00</t>
  </si>
  <si>
    <t>03.023.00</t>
  </si>
  <si>
    <t>PT ICMS 11/91</t>
  </si>
  <si>
    <t>AC, AL, AP, AM, BA, CE, ES, GO, MA, MT, MS, MG, PA, PB, PR, PE, PI, RJ, RN, RS, RO, RR, SC,SP, SE, TO, DF</t>
  </si>
  <si>
    <t>03.024.00</t>
  </si>
  <si>
    <t>03.025.00</t>
  </si>
  <si>
    <t>TABELA IV-B DO ANEXO III AO DEC. 9.203/98 - RICMS/MS – SEGMENTO: CERVEJAS, CHOPES, REFRIGERANTES, ÁGUAS E OUTRAS BEBIDAS</t>
  </si>
  <si>
    <r>
      <t xml:space="preserve">Observação: </t>
    </r>
    <r>
      <rPr>
        <b/>
        <u/>
        <sz val="10"/>
        <color rgb="FF000000"/>
        <rFont val="Arial"/>
        <family val="2"/>
      </rPr>
      <t>operações em que o remetente seja distribuidor, depósito ou estabelecimento atacadista</t>
    </r>
    <r>
      <rPr>
        <b/>
        <sz val="10"/>
        <color rgb="FF000000"/>
        <rFont val="Arial"/>
        <family val="2"/>
      </rPr>
      <t xml:space="preserve">.
A base de cálculo do imposto, para fins de substituição tributária, será o valor correspondente ao preço de venda ao consumidor, constante de tabela estabelecida por órgão competente ou, na falta desta, o preço sugerido pelo fabricante ou remetente, assim entendido aquele constante em catálogo ou lista de preços de sua emissão, acrescido em ambos os casos, do valor do frete quando não incluído no preço.
Na falta dos valores correspondente ao preço de venda ao consumidor, será adotado a MVA especifica.
</t>
    </r>
  </si>
  <si>
    <r>
      <t xml:space="preserve">Observação: </t>
    </r>
    <r>
      <rPr>
        <b/>
        <u/>
        <sz val="10"/>
        <color rgb="FF000000"/>
        <rFont val="Arial"/>
        <family val="2"/>
      </rPr>
      <t>operações em que o remetente seja industrial, importador, arrematante ou engarrafador</t>
    </r>
    <r>
      <rPr>
        <b/>
        <sz val="10"/>
        <color rgb="FF000000"/>
        <rFont val="Arial"/>
        <family val="2"/>
      </rPr>
      <t xml:space="preserve">.
A base de cálculo do imposto, para fins de substituição tributária, será o valor correspondente ao preço de venda ao consumidor, constante de tabela estabelecida por órgão competente ou, na falta desta, o preço sugerido pelo fabricante ou remetente, assim entendido aquele constante em catálogo ou lista de preços de sua emissão, acrescido em ambos os casos, do valor do frete quando não incluído no preço.
Na falta dos valores correspondente ao preço de venda ao consumidor, será adotado a MVA especifica.
</t>
    </r>
  </si>
  <si>
    <t>04.001.00</t>
  </si>
  <si>
    <t>04.002.00</t>
  </si>
  <si>
    <t>TABELA V DO ANEXO III AO DEC. 9.203/98 - RICMS/MS – SEGMENTO: CIGARROS E OUTROS PRODUTOS DERIVADOS DO FUMO</t>
  </si>
  <si>
    <t xml:space="preserve"> CV ICMS 111/17 </t>
  </si>
  <si>
    <t>todas as Ufs</t>
  </si>
  <si>
    <t>Charutos, cigarrilhas e cigarros, de tabaco ou dos seus sucedâneos</t>
  </si>
  <si>
    <t>Tabaco para fumar, mesmo contendo sucedâneos de tabaco em qualquer proporção</t>
  </si>
  <si>
    <t>TABELA VI DO ANEXO III AO DEC. 9.203/98 - RICMS/MS – SEGMENTO: CIMENTOS</t>
  </si>
  <si>
    <t xml:space="preserve"> PT ICMS 11/85</t>
  </si>
  <si>
    <t>AC, AL, AP, BA, CE, DF, ES, GO, MA, MG, MS, MT, PA, PB, PE, PI, PR, RJ, RN, RO, RR, RS, SC, SE, SP, TO</t>
  </si>
  <si>
    <t>TABELA IX DO ANEXO III AO DEC. 9.203/98 - RICMS/MS – SEGMENTO: FERRAMENTAS</t>
  </si>
  <si>
    <t>09.001.00</t>
  </si>
  <si>
    <t>09.002.00</t>
  </si>
  <si>
    <t>09.003.00</t>
  </si>
  <si>
    <t>09.004.00</t>
  </si>
  <si>
    <t>09.005.00</t>
  </si>
  <si>
    <t>TABELA X DO ANEXO III AO DEC. 9.203/98 - RICMS/MS – SEGMENTO: LÂMPADAS, REATORES E “STARTER”</t>
  </si>
  <si>
    <t>PT ICMS 17/85</t>
  </si>
  <si>
    <t>AC, AL, AP, AM, BA, CE, ES, GO, MA, MT, MS, MG, PA, PB, PR, PE, PI, RJ, RN, RS, RO, RR, SC, SP, SE, TO, DF</t>
  </si>
  <si>
    <t>TABELA XI DO ANEXO III AO DEC. 9.203/98 - RICMS/MS – SEGMENTO: MATERIAIS DE CONSTRUÇÃO E CONGÊNERES</t>
  </si>
  <si>
    <t>10.001.00</t>
  </si>
  <si>
    <t>10.002.00</t>
  </si>
  <si>
    <t>10.003.00</t>
  </si>
  <si>
    <t>10.004.00</t>
  </si>
  <si>
    <t>10.005.00</t>
  </si>
  <si>
    <t>10.006.00</t>
  </si>
  <si>
    <t>10.007.00</t>
  </si>
  <si>
    <t>10.008.00</t>
  </si>
  <si>
    <t>10.009.00</t>
  </si>
  <si>
    <t>10.010.00</t>
  </si>
  <si>
    <t>10.011.00</t>
  </si>
  <si>
    <t>10.012.00</t>
  </si>
  <si>
    <t>10.013.00</t>
  </si>
  <si>
    <t>10.014.00</t>
  </si>
  <si>
    <t>10.015.00</t>
  </si>
  <si>
    <t>10.016.00</t>
  </si>
  <si>
    <t>10.017.00</t>
  </si>
  <si>
    <t>10.018.00</t>
  </si>
  <si>
    <t>10.019.00</t>
  </si>
  <si>
    <t>10.020.00</t>
  </si>
  <si>
    <t>10.021.00</t>
  </si>
  <si>
    <t>10.022.00</t>
  </si>
  <si>
    <t>10.023.00</t>
  </si>
  <si>
    <t>10.024.00</t>
  </si>
  <si>
    <t>10.025.00</t>
  </si>
  <si>
    <t>10.026.00</t>
  </si>
  <si>
    <t>10.027.00</t>
  </si>
  <si>
    <t>10.028.00</t>
  </si>
  <si>
    <t>10.029.00</t>
  </si>
  <si>
    <t>10.030.00</t>
  </si>
  <si>
    <t>10.030.01</t>
  </si>
  <si>
    <t>10.031.00</t>
  </si>
  <si>
    <t>10.032.00</t>
  </si>
  <si>
    <t>10.033.00</t>
  </si>
  <si>
    <t>10.034.00</t>
  </si>
  <si>
    <t>10.035.00</t>
  </si>
  <si>
    <t>10.036.00</t>
  </si>
  <si>
    <t>10.037.00</t>
  </si>
  <si>
    <t>10.038.00</t>
  </si>
  <si>
    <t>10.039.00</t>
  </si>
  <si>
    <t>10.040.00</t>
  </si>
  <si>
    <t>10.041.00</t>
  </si>
  <si>
    <t>10.042.00</t>
  </si>
  <si>
    <t>10.043.00</t>
  </si>
  <si>
    <t>10.044.00</t>
  </si>
  <si>
    <t>10.045.00</t>
  </si>
  <si>
    <t>10.045.01</t>
  </si>
  <si>
    <t>10.046.00</t>
  </si>
  <si>
    <t>10.047.00</t>
  </si>
  <si>
    <t>10.048.00</t>
  </si>
  <si>
    <t>10.049.00</t>
  </si>
  <si>
    <t>10.050.00</t>
  </si>
  <si>
    <t>10.051.00</t>
  </si>
  <si>
    <t>10.052.00</t>
  </si>
  <si>
    <t>10.053.00</t>
  </si>
  <si>
    <t>10.054.00</t>
  </si>
  <si>
    <t>10.055.00</t>
  </si>
  <si>
    <t>10.056.00</t>
  </si>
  <si>
    <t>10.057.00</t>
  </si>
  <si>
    <t>10.058.00</t>
  </si>
  <si>
    <t>10.059.00</t>
  </si>
  <si>
    <t>10.059.01</t>
  </si>
  <si>
    <t>10.060.00</t>
  </si>
  <si>
    <t>10.061.00</t>
  </si>
  <si>
    <t>10.062.00</t>
  </si>
  <si>
    <t>10.063.00</t>
  </si>
  <si>
    <t>10.064.00</t>
  </si>
  <si>
    <t>10.065.00</t>
  </si>
  <si>
    <t>10.066.00</t>
  </si>
  <si>
    <t>10.067.00</t>
  </si>
  <si>
    <t>10.068.00</t>
  </si>
  <si>
    <t>10.069.00</t>
  </si>
  <si>
    <t>10.070.00</t>
  </si>
  <si>
    <t>10.071.00</t>
  </si>
  <si>
    <t>10.072.00</t>
  </si>
  <si>
    <t>10.073.00</t>
  </si>
  <si>
    <t>10.074.00</t>
  </si>
  <si>
    <t>10.075.00</t>
  </si>
  <si>
    <t>10.076.00</t>
  </si>
  <si>
    <t>10.077.00</t>
  </si>
  <si>
    <t>10.078.00</t>
  </si>
  <si>
    <t>10.079.00</t>
  </si>
  <si>
    <t>10.080.00</t>
  </si>
  <si>
    <t>PT ICMS 85/11</t>
  </si>
  <si>
    <t>TABELA XII DO ANEXO III AO DEC. 9.203/98 - RICMS/MS – SEGMENTO: MATERIAIS DE LIMPEZA</t>
  </si>
  <si>
    <t>11.001.00</t>
  </si>
  <si>
    <t>11.002.00</t>
  </si>
  <si>
    <t>11.003.00</t>
  </si>
  <si>
    <t>11.004.00</t>
  </si>
  <si>
    <t>11.005.00</t>
  </si>
  <si>
    <t>11.006.00</t>
  </si>
  <si>
    <t>11.007.00</t>
  </si>
  <si>
    <t>11.008.00</t>
  </si>
  <si>
    <t>11.009.00</t>
  </si>
  <si>
    <t>11.010.00</t>
  </si>
  <si>
    <t>11.011.00</t>
  </si>
  <si>
    <t>11.012.00</t>
  </si>
  <si>
    <t>12.001.00</t>
  </si>
  <si>
    <t>12.002.00</t>
  </si>
  <si>
    <t>12.003.00</t>
  </si>
  <si>
    <t>12.004.00</t>
  </si>
  <si>
    <t>12.005.00</t>
  </si>
  <si>
    <t>12.006.00</t>
  </si>
  <si>
    <t>12.007.00</t>
  </si>
  <si>
    <t>12.008.00</t>
  </si>
  <si>
    <t>12.009.00</t>
  </si>
  <si>
    <t>TABELA XIII DO ANEXO III AO DEC. 9.203/98 - RICMS/MS – SEGMENTO: MATERIAIS ELÉTRICOS</t>
  </si>
  <si>
    <t xml:space="preserve"> Lei nº 1.810, art. 49, § 1º, XXIX</t>
  </si>
  <si>
    <t>PT ICMS 84/11</t>
  </si>
  <si>
    <t>St INTERNA</t>
  </si>
  <si>
    <t>SAÍDAS INTERESTADUAIS DE MS PARA: AC, AP, GO, MT, MS, MG, PB, PR, PE, RJ, RN, RS, RO, SE, DF</t>
  </si>
  <si>
    <t>SAÍDAS INTERESTADUAIS DE MS PARA: AC, AP, GO, MA, MT, MS, MG, PB, PR, PE, RJ, RS, RO, SE, DF</t>
  </si>
  <si>
    <t>16.001.00</t>
  </si>
  <si>
    <t>16.002.00</t>
  </si>
  <si>
    <t>16.003.00</t>
  </si>
  <si>
    <t>16.004.00</t>
  </si>
  <si>
    <t>16.005.00</t>
  </si>
  <si>
    <t>16.006.00</t>
  </si>
  <si>
    <t>16.007.00</t>
  </si>
  <si>
    <t>16.007.01</t>
  </si>
  <si>
    <t>16.008.00</t>
  </si>
  <si>
    <t>16.009.00</t>
  </si>
  <si>
    <t xml:space="preserve"> CV ICMS 102/17</t>
  </si>
  <si>
    <t>TODAS AS UFS</t>
  </si>
  <si>
    <t xml:space="preserve"> Lei nº 1.810/97, art. 49, § 1º, inciso VII</t>
  </si>
  <si>
    <t>TABELA XVI DO ANEXO III AO DEC. 9.203/98 - RICMS/MS – SEGMENTO: PNEUMÁUTICOS, CÂMARAS DE AR E PROTETORES DE BORRACHA</t>
  </si>
  <si>
    <t>14.001.00</t>
  </si>
  <si>
    <t>14.002.00</t>
  </si>
  <si>
    <t>14.003.00</t>
  </si>
  <si>
    <t>14.004.00</t>
  </si>
  <si>
    <t>14.005.00</t>
  </si>
  <si>
    <t>14.006.00</t>
  </si>
  <si>
    <t>14.006.01</t>
  </si>
  <si>
    <t>14.007.00</t>
  </si>
  <si>
    <t>14.008.00</t>
  </si>
  <si>
    <t>14.009.00</t>
  </si>
  <si>
    <t>14.010.00</t>
  </si>
  <si>
    <t>14.011.00</t>
  </si>
  <si>
    <t>14.012.00</t>
  </si>
  <si>
    <t>14.013.00</t>
  </si>
  <si>
    <t>TABELA XV DO ANEXO III AO DEC. 9.203/98 - RICMS/MS – SEGMENTO: PAPÉIS, PLÁSTICOS, PRODUTOS CERÂMICOS E VIDROS</t>
  </si>
  <si>
    <t xml:space="preserve">  Lei nº 1.810, art. 49, § 1º, XXIX</t>
  </si>
  <si>
    <t>TABELA XIV DO ANEXO III AO DEC. 9.203/98 - RICMS/MS – SEGMENTO: MEDICAMENTOS DE USO HUMANO E OUTROS PRODUTOS FARMACÊUTICOS PARA USO HUMANO OU VETERINÁRIO</t>
  </si>
  <si>
    <t>13.001.00</t>
  </si>
  <si>
    <t>13.001.01</t>
  </si>
  <si>
    <t>13.001.02</t>
  </si>
  <si>
    <t>13.002.00</t>
  </si>
  <si>
    <t>13.002.01</t>
  </si>
  <si>
    <t>13.002.02</t>
  </si>
  <si>
    <t>13.003.00</t>
  </si>
  <si>
    <t>13.003.01</t>
  </si>
  <si>
    <t>13.003.02</t>
  </si>
  <si>
    <t>13.004.00</t>
  </si>
  <si>
    <t>13.004.01</t>
  </si>
  <si>
    <t>13.004.02</t>
  </si>
  <si>
    <t>13.005.00</t>
  </si>
  <si>
    <t>13.005.01</t>
  </si>
  <si>
    <t>13.006.00</t>
  </si>
  <si>
    <t>13.007.00</t>
  </si>
  <si>
    <t>13.007.01</t>
  </si>
  <si>
    <t>13.008.00</t>
  </si>
  <si>
    <t>13.008.01</t>
  </si>
  <si>
    <t>13.009.00</t>
  </si>
  <si>
    <t>13.009.01</t>
  </si>
  <si>
    <t>13.010.00</t>
  </si>
  <si>
    <t>13.010.01</t>
  </si>
  <si>
    <t>13.011.00</t>
  </si>
  <si>
    <t>13.012.00</t>
  </si>
  <si>
    <t>13.013.00</t>
  </si>
  <si>
    <t>13.014.00</t>
  </si>
  <si>
    <t>13.015.00</t>
  </si>
  <si>
    <t>13.016.00</t>
  </si>
  <si>
    <t>Convênio ICMS 234/2017</t>
  </si>
  <si>
    <t>Protocolo ICMS 12/07</t>
  </si>
  <si>
    <t>Protocolo ICMS 126/13</t>
  </si>
  <si>
    <t>AL, MS, SP</t>
  </si>
  <si>
    <t>MS, MG</t>
  </si>
  <si>
    <t>AC, AL, AP, BA, ES, MA, MT, MS, PA, PB, PR, PE, PI, RJ, RN, RS, SC, SE, TO</t>
  </si>
  <si>
    <t>17.001.00</t>
  </si>
  <si>
    <t>17.002.00</t>
  </si>
  <si>
    <t>17.003.00</t>
  </si>
  <si>
    <t>17.004.00</t>
  </si>
  <si>
    <t>17.005.00</t>
  </si>
  <si>
    <t>17.005.01</t>
  </si>
  <si>
    <t>17.006.00</t>
  </si>
  <si>
    <t>17.006.01</t>
  </si>
  <si>
    <t>17.006.02</t>
  </si>
  <si>
    <t>17.007.00</t>
  </si>
  <si>
    <t>17.008.00</t>
  </si>
  <si>
    <t>17.009.00</t>
  </si>
  <si>
    <t>17.010.00</t>
  </si>
  <si>
    <t>17.011.00</t>
  </si>
  <si>
    <t>17.012.00</t>
  </si>
  <si>
    <t>17.013.00</t>
  </si>
  <si>
    <t>17.014.00</t>
  </si>
  <si>
    <t>17.015.00</t>
  </si>
  <si>
    <t>17.016.00</t>
  </si>
  <si>
    <t>17.016.01</t>
  </si>
  <si>
    <t>17.017.00</t>
  </si>
  <si>
    <t>17.017.01</t>
  </si>
  <si>
    <t>17.018.00</t>
  </si>
  <si>
    <t>17.018.01</t>
  </si>
  <si>
    <t>17.019.00</t>
  </si>
  <si>
    <t>17.019.01</t>
  </si>
  <si>
    <t>17.019.02</t>
  </si>
  <si>
    <t>17.020.00</t>
  </si>
  <si>
    <t>17.020.01</t>
  </si>
  <si>
    <t>17.021.00</t>
  </si>
  <si>
    <t>17.021.01</t>
  </si>
  <si>
    <t>17.022.00</t>
  </si>
  <si>
    <t>17.023.00</t>
  </si>
  <si>
    <t>17.023.01</t>
  </si>
  <si>
    <t>17.024.00</t>
  </si>
  <si>
    <t>17.024.01</t>
  </si>
  <si>
    <t>17.024.02</t>
  </si>
  <si>
    <t>17.024.03</t>
  </si>
  <si>
    <t>17.024.04</t>
  </si>
  <si>
    <t>17.025.00</t>
  </si>
  <si>
    <t>17.025.01</t>
  </si>
  <si>
    <t>17.025.02</t>
  </si>
  <si>
    <t>17.026.00</t>
  </si>
  <si>
    <t>17.027.00</t>
  </si>
  <si>
    <t>17.027.01</t>
  </si>
  <si>
    <t>17.027.02</t>
  </si>
  <si>
    <t>17.028.00</t>
  </si>
  <si>
    <t>17.028.01</t>
  </si>
  <si>
    <t>17.029.00</t>
  </si>
  <si>
    <t>17.030.00</t>
  </si>
  <si>
    <t>17.031.00</t>
  </si>
  <si>
    <t>17.032.00</t>
  </si>
  <si>
    <t>17.033.00</t>
  </si>
  <si>
    <t>17.033.01</t>
  </si>
  <si>
    <t>17.034.00</t>
  </si>
  <si>
    <t>17.035.00</t>
  </si>
  <si>
    <t>17.036.00</t>
  </si>
  <si>
    <t>17.037.00</t>
  </si>
  <si>
    <t>17.038.00</t>
  </si>
  <si>
    <t>17.039.00</t>
  </si>
  <si>
    <t>17.040.00</t>
  </si>
  <si>
    <t>17.041.00</t>
  </si>
  <si>
    <t>17.042.00</t>
  </si>
  <si>
    <t>17.043.00</t>
  </si>
  <si>
    <t>17.044.00</t>
  </si>
  <si>
    <t>17.044.01</t>
  </si>
  <si>
    <t>17.044.02</t>
  </si>
  <si>
    <t>17.044.03</t>
  </si>
  <si>
    <t>17.044.04</t>
  </si>
  <si>
    <t>17.044.05</t>
  </si>
  <si>
    <t>17.044.06</t>
  </si>
  <si>
    <t>17.044.07</t>
  </si>
  <si>
    <t>17.044.08</t>
  </si>
  <si>
    <t>17.044.09</t>
  </si>
  <si>
    <t>17.044.10</t>
  </si>
  <si>
    <t>17.044.11</t>
  </si>
  <si>
    <t>17.044.12</t>
  </si>
  <si>
    <t>17.044.13</t>
  </si>
  <si>
    <t>17.044.14</t>
  </si>
  <si>
    <t>17.044.15</t>
  </si>
  <si>
    <t>17.044.16</t>
  </si>
  <si>
    <t>17.044.17</t>
  </si>
  <si>
    <t>17.044.18</t>
  </si>
  <si>
    <t>17.044.19</t>
  </si>
  <si>
    <t>17.044.20</t>
  </si>
  <si>
    <t>17.044.21</t>
  </si>
  <si>
    <t>17.044.22</t>
  </si>
  <si>
    <t>17.044.23</t>
  </si>
  <si>
    <t>17.044.24</t>
  </si>
  <si>
    <t>17.044.25</t>
  </si>
  <si>
    <t>17.044.26</t>
  </si>
  <si>
    <t>17.044.27</t>
  </si>
  <si>
    <t>17.045.00</t>
  </si>
  <si>
    <t>17.046.00</t>
  </si>
  <si>
    <t>17.046.01</t>
  </si>
  <si>
    <t>17.046.02</t>
  </si>
  <si>
    <t>17.046.03</t>
  </si>
  <si>
    <t>17.046.04</t>
  </si>
  <si>
    <t>17.046.05</t>
  </si>
  <si>
    <t>17.046.06</t>
  </si>
  <si>
    <t>17.046.07</t>
  </si>
  <si>
    <t>17.046.08</t>
  </si>
  <si>
    <t>17.046.09</t>
  </si>
  <si>
    <t>17.046.10</t>
  </si>
  <si>
    <t>17.046.11</t>
  </si>
  <si>
    <t>17.046.12</t>
  </si>
  <si>
    <t>17.046.13</t>
  </si>
  <si>
    <t>17.046.14</t>
  </si>
  <si>
    <t>17.047.00</t>
  </si>
  <si>
    <t>17.048.00</t>
  </si>
  <si>
    <t>17.048.01</t>
  </si>
  <si>
    <t>17.048.02</t>
  </si>
  <si>
    <t>17.049.00</t>
  </si>
  <si>
    <t>17.049.01</t>
  </si>
  <si>
    <t>17.049.02</t>
  </si>
  <si>
    <t>17.049.03</t>
  </si>
  <si>
    <t>17.049.04</t>
  </si>
  <si>
    <t>17.049.05</t>
  </si>
  <si>
    <t>17.050.00</t>
  </si>
  <si>
    <t>17.051.00</t>
  </si>
  <si>
    <t>17.052.00</t>
  </si>
  <si>
    <t>17.053.00</t>
  </si>
  <si>
    <t>17.053.01</t>
  </si>
  <si>
    <t>17.053.02</t>
  </si>
  <si>
    <t>17.054.00</t>
  </si>
  <si>
    <t>17.054.01</t>
  </si>
  <si>
    <t>17.054.02</t>
  </si>
  <si>
    <t>17.056.00</t>
  </si>
  <si>
    <t>17.056.01</t>
  </si>
  <si>
    <t>17.056.02</t>
  </si>
  <si>
    <t>17.057.00</t>
  </si>
  <si>
    <t>17.058.00</t>
  </si>
  <si>
    <t>17.059.00</t>
  </si>
  <si>
    <t>17.060.00</t>
  </si>
  <si>
    <t>17.062.00</t>
  </si>
  <si>
    <t>17.062.01</t>
  </si>
  <si>
    <t>17.063.00</t>
  </si>
  <si>
    <t>17.064.00</t>
  </si>
  <si>
    <t>17.065.00</t>
  </si>
  <si>
    <t>17.066.00</t>
  </si>
  <si>
    <t>17.067.00</t>
  </si>
  <si>
    <t>17.067.01</t>
  </si>
  <si>
    <t>17.068.00</t>
  </si>
  <si>
    <t>17.069.00</t>
  </si>
  <si>
    <t>17.069.01</t>
  </si>
  <si>
    <t>17.070.00</t>
  </si>
  <si>
    <t>17.071.00</t>
  </si>
  <si>
    <t>17.072.00</t>
  </si>
  <si>
    <t>17.073.00</t>
  </si>
  <si>
    <t>17.074.00</t>
  </si>
  <si>
    <t>17.075.00</t>
  </si>
  <si>
    <t>17.076.00</t>
  </si>
  <si>
    <t>17.077.00</t>
  </si>
  <si>
    <t>17.077.01</t>
  </si>
  <si>
    <t>17.078.00</t>
  </si>
  <si>
    <t>17.079.00</t>
  </si>
  <si>
    <t>17.079.01</t>
  </si>
  <si>
    <t>17.079.02</t>
  </si>
  <si>
    <t>17.079.03</t>
  </si>
  <si>
    <t>17.079.04</t>
  </si>
  <si>
    <t>17.079.05</t>
  </si>
  <si>
    <t>17.079.06</t>
  </si>
  <si>
    <t>17.079.07</t>
  </si>
  <si>
    <t>17.080.00</t>
  </si>
  <si>
    <t>17.080.01</t>
  </si>
  <si>
    <t>17.081.00</t>
  </si>
  <si>
    <t>17.082.00</t>
  </si>
  <si>
    <t>17.083.00</t>
  </si>
  <si>
    <t>17.084.00</t>
  </si>
  <si>
    <t>17.085.00</t>
  </si>
  <si>
    <t>17.086.00</t>
  </si>
  <si>
    <t>17.087.00</t>
  </si>
  <si>
    <t>17.087.01</t>
  </si>
  <si>
    <t>17.087.02</t>
  </si>
  <si>
    <t>17.088.00</t>
  </si>
  <si>
    <t>17.088.01</t>
  </si>
  <si>
    <t>17.089.00</t>
  </si>
  <si>
    <t>17.089.01</t>
  </si>
  <si>
    <t>17.090.00</t>
  </si>
  <si>
    <t>17.090.01</t>
  </si>
  <si>
    <t>17.091.00</t>
  </si>
  <si>
    <t>17.091.01</t>
  </si>
  <si>
    <t>17.092.00</t>
  </si>
  <si>
    <t>17.092.01</t>
  </si>
  <si>
    <t>17.093.00</t>
  </si>
  <si>
    <t>17.093.01</t>
  </si>
  <si>
    <t>17.094.00</t>
  </si>
  <si>
    <t>17.094.01</t>
  </si>
  <si>
    <t>17.095.00</t>
  </si>
  <si>
    <t>17.095.01</t>
  </si>
  <si>
    <t>17.096.00</t>
  </si>
  <si>
    <t>17.096.01</t>
  </si>
  <si>
    <t>17.096.02</t>
  </si>
  <si>
    <t>17.096.03</t>
  </si>
  <si>
    <t>17.096.04</t>
  </si>
  <si>
    <t>17.096.05</t>
  </si>
  <si>
    <t>17.097.00</t>
  </si>
  <si>
    <t>17.098.00</t>
  </si>
  <si>
    <t>17.099.00</t>
  </si>
  <si>
    <t>17.099.01</t>
  </si>
  <si>
    <t>17.099.02</t>
  </si>
  <si>
    <t>17.100.00</t>
  </si>
  <si>
    <t>17.100.01</t>
  </si>
  <si>
    <t>17.100.02</t>
  </si>
  <si>
    <t>17.101.00</t>
  </si>
  <si>
    <t>17.101.01</t>
  </si>
  <si>
    <t>17.101.02</t>
  </si>
  <si>
    <t>17.102.00</t>
  </si>
  <si>
    <t>17.102.01</t>
  </si>
  <si>
    <t>17.102.02</t>
  </si>
  <si>
    <t>17.103.00</t>
  </si>
  <si>
    <t>17.103.01</t>
  </si>
  <si>
    <t>17.103.02</t>
  </si>
  <si>
    <t>17.104.00</t>
  </si>
  <si>
    <t>17.104.01</t>
  </si>
  <si>
    <t>17.104.02</t>
  </si>
  <si>
    <t>17.105.00</t>
  </si>
  <si>
    <t>17.105.01</t>
  </si>
  <si>
    <t>17.105.02</t>
  </si>
  <si>
    <t>17.106.00</t>
  </si>
  <si>
    <t>17.107.00</t>
  </si>
  <si>
    <t>17.107.01</t>
  </si>
  <si>
    <t>17.108.00</t>
  </si>
  <si>
    <t>17.108.01</t>
  </si>
  <si>
    <t>17.109.00</t>
  </si>
  <si>
    <t>17.110.00</t>
  </si>
  <si>
    <t>17.111.00</t>
  </si>
  <si>
    <t>17.112.00</t>
  </si>
  <si>
    <t>17.113.00</t>
  </si>
  <si>
    <t>17.114.00</t>
  </si>
  <si>
    <t>17.115.00</t>
  </si>
  <si>
    <t>TABELA XVIII DO ANEXO III AO DEC. 9.203/98 - RICMS/MS – SEGMENTO: PRODUTOS ALIMENTÍCIOS</t>
  </si>
  <si>
    <t>TABELA XX DO ANEXO III AO DEC. 9.203/98 - RICMS/MS – SEGMENTO: PRODUTOS DE PAPELARIA</t>
  </si>
  <si>
    <t>19.001.00</t>
  </si>
  <si>
    <t>19.002.00</t>
  </si>
  <si>
    <t>19.003.00</t>
  </si>
  <si>
    <t>19.004.00</t>
  </si>
  <si>
    <t>19.005.00</t>
  </si>
  <si>
    <t>19.005.01</t>
  </si>
  <si>
    <t>19.006.00</t>
  </si>
  <si>
    <t>19.007.00</t>
  </si>
  <si>
    <t>19.008.00</t>
  </si>
  <si>
    <t>19.009.00</t>
  </si>
  <si>
    <t>19.010.00</t>
  </si>
  <si>
    <t>19.011.00</t>
  </si>
  <si>
    <t>19.012.00</t>
  </si>
  <si>
    <t>19.013.00</t>
  </si>
  <si>
    <t>19.014.00</t>
  </si>
  <si>
    <t>19.015.00</t>
  </si>
  <si>
    <t>19.016.00</t>
  </si>
  <si>
    <t>19.017.00</t>
  </si>
  <si>
    <t>19.018.00</t>
  </si>
  <si>
    <t>19.019.00</t>
  </si>
  <si>
    <t>19.020.00</t>
  </si>
  <si>
    <t>19.021.00</t>
  </si>
  <si>
    <t>19.022.00</t>
  </si>
  <si>
    <t>19.023.00</t>
  </si>
  <si>
    <t>19.024.00</t>
  </si>
  <si>
    <t>19.025.00</t>
  </si>
  <si>
    <t>19.026.00</t>
  </si>
  <si>
    <t>19.027.00</t>
  </si>
  <si>
    <t>19.028.00</t>
  </si>
  <si>
    <t>19.029.00</t>
  </si>
  <si>
    <t>19.030.00</t>
  </si>
  <si>
    <t>19.031.00</t>
  </si>
  <si>
    <t>19.032.00</t>
  </si>
  <si>
    <t>19.033.00</t>
  </si>
  <si>
    <t>TABELA XXI DO ANEXO III AO DEC. 9.203/98 - RICMS/MS – SEGMENTO: PRODUTOS DE PERFUMARIA E DE HIGIENE PESSOAL E COSMÉTICOS</t>
  </si>
  <si>
    <t>Lei nº 1.810, art. 49, § 1º, XXVIII</t>
  </si>
  <si>
    <t>Lei 1.810, art. 49, § 1º, XX; Lei nº 3.495/08</t>
  </si>
  <si>
    <t>20.001.00</t>
  </si>
  <si>
    <t>20.001.01</t>
  </si>
  <si>
    <t>20.002.00</t>
  </si>
  <si>
    <t>20.003.00</t>
  </si>
  <si>
    <t>20.004.00</t>
  </si>
  <si>
    <t>20.005.00</t>
  </si>
  <si>
    <t>20.006.00</t>
  </si>
  <si>
    <t>20.007.00</t>
  </si>
  <si>
    <t>20.008.00</t>
  </si>
  <si>
    <t>20.009.00</t>
  </si>
  <si>
    <t>20.010.00</t>
  </si>
  <si>
    <t>20.011.00</t>
  </si>
  <si>
    <t>20.012.00</t>
  </si>
  <si>
    <t>20.013.00</t>
  </si>
  <si>
    <t>20.014.00</t>
  </si>
  <si>
    <t>20.015.00</t>
  </si>
  <si>
    <t>20.016.00</t>
  </si>
  <si>
    <t>20.017.00</t>
  </si>
  <si>
    <t>20.018.00</t>
  </si>
  <si>
    <t>20.019.00</t>
  </si>
  <si>
    <t>20.020.00</t>
  </si>
  <si>
    <t>20.021.00</t>
  </si>
  <si>
    <t>20.022.00</t>
  </si>
  <si>
    <t>20.023.00</t>
  </si>
  <si>
    <t>20.024.00</t>
  </si>
  <si>
    <t>20.025.00</t>
  </si>
  <si>
    <t>20.026.00</t>
  </si>
  <si>
    <t>20.027.00</t>
  </si>
  <si>
    <t>20.027.01</t>
  </si>
  <si>
    <t>20.028.00</t>
  </si>
  <si>
    <t>20.029.00</t>
  </si>
  <si>
    <t>20.029.01</t>
  </si>
  <si>
    <t>20.030.00</t>
  </si>
  <si>
    <t>20.031.00</t>
  </si>
  <si>
    <t>20.032.00</t>
  </si>
  <si>
    <t>20.032.01</t>
  </si>
  <si>
    <t>20.033.00</t>
  </si>
  <si>
    <t>20.034.00</t>
  </si>
  <si>
    <t>20.035.00</t>
  </si>
  <si>
    <t>20.035.01</t>
  </si>
  <si>
    <t>20.036.00</t>
  </si>
  <si>
    <t>20.037.00</t>
  </si>
  <si>
    <t>20.038.00</t>
  </si>
  <si>
    <t>20.039.00</t>
  </si>
  <si>
    <t>20.040.00</t>
  </si>
  <si>
    <t>20.041.00</t>
  </si>
  <si>
    <t>20.042.00</t>
  </si>
  <si>
    <t>20.043.00</t>
  </si>
  <si>
    <t>20.044.00</t>
  </si>
  <si>
    <t>20.045.00</t>
  </si>
  <si>
    <t>20.046.00</t>
  </si>
  <si>
    <t>20.047.00</t>
  </si>
  <si>
    <t>20.048.00</t>
  </si>
  <si>
    <t>20.048.01</t>
  </si>
  <si>
    <t>20.049.00</t>
  </si>
  <si>
    <t>20.050.00</t>
  </si>
  <si>
    <t>20.051.00</t>
  </si>
  <si>
    <t>20.052.00</t>
  </si>
  <si>
    <t>20.053.00</t>
  </si>
  <si>
    <t>20.054.00</t>
  </si>
  <si>
    <t>20.055.00</t>
  </si>
  <si>
    <t>20.056.00</t>
  </si>
  <si>
    <t>20.057.00</t>
  </si>
  <si>
    <t>20.058.00</t>
  </si>
  <si>
    <t>20.059.00</t>
  </si>
  <si>
    <t>20.060.00</t>
  </si>
  <si>
    <t>20.061.00</t>
  </si>
  <si>
    <t>20.062.00</t>
  </si>
  <si>
    <t>20.063.00</t>
  </si>
  <si>
    <t>20.064.00</t>
  </si>
  <si>
    <t>Lei nº 1.810/97, art. 49, § 1º, IX</t>
  </si>
  <si>
    <t>Lei nº 1.810, art. 49, § 1º, III</t>
  </si>
  <si>
    <t>AC, AL, AP, AM, BA, CE, ES, GO, MA, MT, MS, MG, PA, PB, PR, PE, PI, RJ, RN, RS, RO, RR, SC, SP, SE, TO, DF (TODAS AS UFS)</t>
  </si>
  <si>
    <t>TABELA XXII DO ANEXO III AO DEC. 9.203/98 - RICMS/MS – SEGMENTO: PRODUTOS ELETRÔNICOS, ELETROELETRÔNICOS E ELETRODOMÉSTICOS</t>
  </si>
  <si>
    <t>PT ICMS 12/07</t>
  </si>
  <si>
    <t>PT ICMS 126/13</t>
  </si>
  <si>
    <t>PT ICM 16/85</t>
  </si>
  <si>
    <t>21.001.00</t>
  </si>
  <si>
    <t>21.002.00</t>
  </si>
  <si>
    <t>21.003.00</t>
  </si>
  <si>
    <t>21.004.00</t>
  </si>
  <si>
    <t>21.005.00</t>
  </si>
  <si>
    <t>21.006.00</t>
  </si>
  <si>
    <t>21.007.00</t>
  </si>
  <si>
    <t>21.008.00</t>
  </si>
  <si>
    <t>21.009.00</t>
  </si>
  <si>
    <t>21.010.00</t>
  </si>
  <si>
    <t>21.011.00</t>
  </si>
  <si>
    <t>21.012.00</t>
  </si>
  <si>
    <t>21.013.00</t>
  </si>
  <si>
    <t>21.014.00</t>
  </si>
  <si>
    <t>21.015.00</t>
  </si>
  <si>
    <t>21.016.00</t>
  </si>
  <si>
    <t>21.017.00</t>
  </si>
  <si>
    <t>21.018.00</t>
  </si>
  <si>
    <t>21.019.00</t>
  </si>
  <si>
    <t>21.020.00</t>
  </si>
  <si>
    <t>21.021.00</t>
  </si>
  <si>
    <t>21.022.00</t>
  </si>
  <si>
    <t>21.023.00</t>
  </si>
  <si>
    <t>21.024.00</t>
  </si>
  <si>
    <t>21.025.00</t>
  </si>
  <si>
    <t>21.026.00</t>
  </si>
  <si>
    <t>21.027.00</t>
  </si>
  <si>
    <t>21.028.00</t>
  </si>
  <si>
    <t>21.029.00</t>
  </si>
  <si>
    <t>21.030.00</t>
  </si>
  <si>
    <t>21.031.00</t>
  </si>
  <si>
    <t>21.032.00</t>
  </si>
  <si>
    <t>21.033.00</t>
  </si>
  <si>
    <t>21.034.00</t>
  </si>
  <si>
    <t>21.035.00</t>
  </si>
  <si>
    <t>21.036.00</t>
  </si>
  <si>
    <t>21.037.00</t>
  </si>
  <si>
    <t>21.038.00</t>
  </si>
  <si>
    <t>21.039.00</t>
  </si>
  <si>
    <t>21.040.00</t>
  </si>
  <si>
    <t>21.041.00</t>
  </si>
  <si>
    <t>21.042.00</t>
  </si>
  <si>
    <t>21.043.00</t>
  </si>
  <si>
    <t>21.044.00</t>
  </si>
  <si>
    <t>21.045.00</t>
  </si>
  <si>
    <t>21.046.00</t>
  </si>
  <si>
    <t>21.047.00</t>
  </si>
  <si>
    <t>21.048.00</t>
  </si>
  <si>
    <t>21.049.00</t>
  </si>
  <si>
    <t>21.050.00</t>
  </si>
  <si>
    <t>21.051.00</t>
  </si>
  <si>
    <t>21.052.00</t>
  </si>
  <si>
    <t>21.053.00</t>
  </si>
  <si>
    <t>21.053.01</t>
  </si>
  <si>
    <t>21.054.00</t>
  </si>
  <si>
    <t>21.055.00</t>
  </si>
  <si>
    <t>21.055.01</t>
  </si>
  <si>
    <t>21.056.00</t>
  </si>
  <si>
    <t>21.057.00</t>
  </si>
  <si>
    <t>21.058.00</t>
  </si>
  <si>
    <t>21.059.00</t>
  </si>
  <si>
    <t>21.060.00</t>
  </si>
  <si>
    <t>21.061.00</t>
  </si>
  <si>
    <t>21.062.00</t>
  </si>
  <si>
    <t>21.063.00</t>
  </si>
  <si>
    <t>21.064.00</t>
  </si>
  <si>
    <t>21.065.00</t>
  </si>
  <si>
    <t>21.066.00</t>
  </si>
  <si>
    <t>21.067.00</t>
  </si>
  <si>
    <t>21.067.01</t>
  </si>
  <si>
    <t>21.068.00</t>
  </si>
  <si>
    <t>21.069.00</t>
  </si>
  <si>
    <t>21.070.00</t>
  </si>
  <si>
    <t>21.071.00</t>
  </si>
  <si>
    <t>21.072.00</t>
  </si>
  <si>
    <t>21.073.00</t>
  </si>
  <si>
    <t>21.074.00</t>
  </si>
  <si>
    <t>21.075.00</t>
  </si>
  <si>
    <t>21.076.00</t>
  </si>
  <si>
    <t>21.077.00</t>
  </si>
  <si>
    <t>21.078.00</t>
  </si>
  <si>
    <t>21.079.00</t>
  </si>
  <si>
    <t>21.080.00</t>
  </si>
  <si>
    <t>21.081.00</t>
  </si>
  <si>
    <t>21.082.00</t>
  </si>
  <si>
    <t>21.083.00</t>
  </si>
  <si>
    <t>21.084.00</t>
  </si>
  <si>
    <t>21.085.00</t>
  </si>
  <si>
    <t>21.086.00</t>
  </si>
  <si>
    <t>21.087.00</t>
  </si>
  <si>
    <t>21.088.00</t>
  </si>
  <si>
    <t>21.089.00</t>
  </si>
  <si>
    <t>21.090.00</t>
  </si>
  <si>
    <t>21.091.00</t>
  </si>
  <si>
    <t>21.092.00</t>
  </si>
  <si>
    <t>21.093.00</t>
  </si>
  <si>
    <t>21.094.00</t>
  </si>
  <si>
    <t>21.095.00</t>
  </si>
  <si>
    <t>21.096.00</t>
  </si>
  <si>
    <t>21.097.00</t>
  </si>
  <si>
    <t>21.098.00</t>
  </si>
  <si>
    <t>21.098.01</t>
  </si>
  <si>
    <t>21.099.00</t>
  </si>
  <si>
    <t>21.100.00</t>
  </si>
  <si>
    <t>21.101.00</t>
  </si>
  <si>
    <t>21.102.00</t>
  </si>
  <si>
    <t>21.103.00</t>
  </si>
  <si>
    <t>21.104.00</t>
  </si>
  <si>
    <t>21.105.00</t>
  </si>
  <si>
    <t>21.106.00</t>
  </si>
  <si>
    <t>21.107.00</t>
  </si>
  <si>
    <t>21.108.00</t>
  </si>
  <si>
    <t>21.109.00</t>
  </si>
  <si>
    <t>21.110.00</t>
  </si>
  <si>
    <t>21.111.00</t>
  </si>
  <si>
    <t>21.112.00</t>
  </si>
  <si>
    <t>21.113.00</t>
  </si>
  <si>
    <t>21.114.00</t>
  </si>
  <si>
    <t>21.115.00</t>
  </si>
  <si>
    <t>21.116.00</t>
  </si>
  <si>
    <t>21.117.00</t>
  </si>
  <si>
    <t>21.118.00</t>
  </si>
  <si>
    <t>21.119.00</t>
  </si>
  <si>
    <t>21.120.00</t>
  </si>
  <si>
    <t>21.121.00</t>
  </si>
  <si>
    <t>21.122.00</t>
  </si>
  <si>
    <t>21.123.00</t>
  </si>
  <si>
    <t>21.124.00</t>
  </si>
  <si>
    <t>21.125.00</t>
  </si>
  <si>
    <t>21.126.00</t>
  </si>
  <si>
    <t>Lei nº 1.810/97, art. 49, § 1º, inciso XIV</t>
  </si>
  <si>
    <t>CV ICMS 213/17</t>
  </si>
  <si>
    <t>AC, AL, AP, BA, CE, ES, GO, MA, MT, MS, MG, PA, PB, PR, PI, RJ, RN, RS, RO, SC, SE, TO</t>
  </si>
  <si>
    <t>22.001.00</t>
  </si>
  <si>
    <t>TABELA XXIII DO ANEXO III AO DEC. 9.203/98 - RICMS/MS – SEGMENTO: RAÇÕES PARA ANIMAIS DOMÉSTICOS</t>
  </si>
  <si>
    <t>PT ICMS 26/04</t>
  </si>
  <si>
    <t>PT ICMS 13/07</t>
  </si>
  <si>
    <t>AC, AL, AP, AM, BA, CE, DF, ES, MA, MT, MS, MG, PA, PB, PR, PE, PI, RJ, RN, RS, RO, RR, SC, SP, SE, TO</t>
  </si>
  <si>
    <t>23.001.00</t>
  </si>
  <si>
    <t>23.002.00</t>
  </si>
  <si>
    <t>Lei nº 1.810, art. 49, § 1º, XXIV</t>
  </si>
  <si>
    <t>PT ICMS nº 20/05</t>
  </si>
  <si>
    <t>AC, AL, AP, AM, BA, ES, GO, MA, MT, MS, MG, PA, PB, PE, PI, RJ, RN, RS, RO, RR, SC, SP, SE, TO, DF</t>
  </si>
  <si>
    <t>TABELA XXIV DO ANEXO III AO DEC. 9.203/98 - RICMS/MS – SEGMENTO: SORVETES E PREPARADOS PARA FABRICAÇÃO DE SORVETES EM MÁQUINAS</t>
  </si>
  <si>
    <t>24.001.00</t>
  </si>
  <si>
    <t>24.002.00</t>
  </si>
  <si>
    <t>24.003.00</t>
  </si>
  <si>
    <t>Convênio ICMS 118/17</t>
  </si>
  <si>
    <t>TABELA XXV DO ANEXO III AO DEC. 9.203/98 - RICMS/MS – SEGMENTO: TINTAS E VERNIZES</t>
  </si>
  <si>
    <t>TABELA XXVI DO ANEXO III AO DEC. 9.203/98 - RICMS/MS – SEGMENTO: VEÍCULOS AUTOMOTORES</t>
  </si>
  <si>
    <t>25.001.00</t>
  </si>
  <si>
    <t>25.002.00</t>
  </si>
  <si>
    <t>25.003.00</t>
  </si>
  <si>
    <t>25.004.00</t>
  </si>
  <si>
    <t>25.005.00</t>
  </si>
  <si>
    <t>25.006.00</t>
  </si>
  <si>
    <t>25.007.00</t>
  </si>
  <si>
    <t>25.008.00</t>
  </si>
  <si>
    <t>25.009.00</t>
  </si>
  <si>
    <t>25.010.00</t>
  </si>
  <si>
    <t>25.011.00</t>
  </si>
  <si>
    <t>25.012.00</t>
  </si>
  <si>
    <t>25.013.00</t>
  </si>
  <si>
    <t>25.014.00</t>
  </si>
  <si>
    <t>25.015.00</t>
  </si>
  <si>
    <t>25.016.00</t>
  </si>
  <si>
    <t>25.017.00</t>
  </si>
  <si>
    <t>25.018.00</t>
  </si>
  <si>
    <t>25.019.00</t>
  </si>
  <si>
    <t>25.020.00</t>
  </si>
  <si>
    <t>25.021.00</t>
  </si>
  <si>
    <t>25.022.00</t>
  </si>
  <si>
    <t>25.023.00</t>
  </si>
  <si>
    <t>25.024.00</t>
  </si>
  <si>
    <t>25.025.00</t>
  </si>
  <si>
    <t>25.026.00</t>
  </si>
  <si>
    <t>25.027.00</t>
  </si>
  <si>
    <t>25.028.00</t>
  </si>
  <si>
    <t>25.029.00</t>
  </si>
  <si>
    <t>CV ICMS 199/17</t>
  </si>
  <si>
    <t>TABELA XXVII DO ANEXO III AO DEC. 9.203/98 - RICMS/MS – SEGMENTO: VEÍCULOS DE DUAS E TRÊS RODAS MOTORIZADOS</t>
  </si>
  <si>
    <t>26.001.00</t>
  </si>
  <si>
    <t>CV ICMS 200/17</t>
  </si>
  <si>
    <t>TABELA XXIX DO ANEXO III AO DEC. 9.203/98 - RICMS/MS – SEGMENTO: VENDA DE MERCADORIAS PELO SISTEMA PORTA A PORTA</t>
  </si>
  <si>
    <t>28.001.00</t>
  </si>
  <si>
    <t>28.002.00</t>
  </si>
  <si>
    <t>28.003.00</t>
  </si>
  <si>
    <t>28.004.00</t>
  </si>
  <si>
    <t>28.005.00</t>
  </si>
  <si>
    <t>28.006.00</t>
  </si>
  <si>
    <t>28.007.00</t>
  </si>
  <si>
    <t>28.008.00</t>
  </si>
  <si>
    <t>28.009.00</t>
  </si>
  <si>
    <t>28.010.00</t>
  </si>
  <si>
    <t>28.011.00</t>
  </si>
  <si>
    <t>28.012.00</t>
  </si>
  <si>
    <t>28.013.00</t>
  </si>
  <si>
    <t>28.014.00</t>
  </si>
  <si>
    <t>28.015.00</t>
  </si>
  <si>
    <t>28.016.00</t>
  </si>
  <si>
    <t>28.017.00</t>
  </si>
  <si>
    <t>28.018.00</t>
  </si>
  <si>
    <t>28.019.00</t>
  </si>
  <si>
    <t>28.020.00</t>
  </si>
  <si>
    <t>28.021.00</t>
  </si>
  <si>
    <t>28.022.00</t>
  </si>
  <si>
    <t>28.023.00</t>
  </si>
  <si>
    <t>28.024.00</t>
  </si>
  <si>
    <t>28.024.01</t>
  </si>
  <si>
    <t>28.025.00</t>
  </si>
  <si>
    <t>28.025.01</t>
  </si>
  <si>
    <t>28.025.02</t>
  </si>
  <si>
    <t>28.026.00</t>
  </si>
  <si>
    <t>28.027.00</t>
  </si>
  <si>
    <t>28.027.01</t>
  </si>
  <si>
    <t>28.028.00</t>
  </si>
  <si>
    <t>28.028.01</t>
  </si>
  <si>
    <t>28.029.00</t>
  </si>
  <si>
    <t>28.030.00</t>
  </si>
  <si>
    <t>28.031.00</t>
  </si>
  <si>
    <t>28.032.00</t>
  </si>
  <si>
    <t>28.033.00</t>
  </si>
  <si>
    <t>CV ICMS 45/9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x14ac:knownFonts="1">
    <font>
      <sz val="11"/>
      <color theme="1"/>
      <name val="Calibri"/>
      <family val="2"/>
      <scheme val="minor"/>
    </font>
    <font>
      <b/>
      <sz val="11"/>
      <color theme="1"/>
      <name val="Calibri"/>
      <family val="2"/>
      <scheme val="minor"/>
    </font>
    <font>
      <sz val="11"/>
      <color indexed="8"/>
      <name val="Calibri"/>
      <family val="2"/>
    </font>
    <font>
      <sz val="10"/>
      <color indexed="8"/>
      <name val="Arial"/>
      <family val="2"/>
    </font>
    <font>
      <sz val="8"/>
      <color theme="1"/>
      <name val="Verdana"/>
      <family val="2"/>
    </font>
    <font>
      <sz val="11"/>
      <color theme="1"/>
      <name val="Calibri"/>
      <family val="2"/>
      <scheme val="minor"/>
    </font>
    <font>
      <b/>
      <i/>
      <sz val="11"/>
      <color theme="1"/>
      <name val="Calibri"/>
      <family val="2"/>
      <scheme val="minor"/>
    </font>
    <font>
      <b/>
      <sz val="10"/>
      <color rgb="FF000000"/>
      <name val="Arial"/>
      <family val="2"/>
    </font>
    <font>
      <b/>
      <sz val="11"/>
      <color indexed="8"/>
      <name val="Calibri"/>
      <family val="2"/>
    </font>
    <font>
      <b/>
      <sz val="11"/>
      <name val="Calibri"/>
      <family val="2"/>
    </font>
    <font>
      <sz val="11"/>
      <name val="Calibri"/>
      <family val="2"/>
    </font>
    <font>
      <b/>
      <u/>
      <sz val="10"/>
      <color rgb="FF000000"/>
      <name val="Arial"/>
      <family val="2"/>
    </font>
    <font>
      <sz val="11"/>
      <name val="Calibri"/>
      <family val="2"/>
      <scheme val="minor"/>
    </font>
    <font>
      <b/>
      <sz val="11"/>
      <name val="Calibri"/>
      <family val="2"/>
      <scheme val="minor"/>
    </font>
    <font>
      <b/>
      <i/>
      <sz val="11"/>
      <name val="Calibri"/>
      <family val="2"/>
      <scheme val="minor"/>
    </font>
    <font>
      <sz val="8"/>
      <name val="Verdana"/>
      <family val="2"/>
    </font>
    <font>
      <sz val="8"/>
      <color rgb="FF000000"/>
      <name val="Verdana"/>
      <family val="2"/>
    </font>
  </fonts>
  <fills count="4">
    <fill>
      <patternFill patternType="none"/>
    </fill>
    <fill>
      <patternFill patternType="gray125"/>
    </fill>
    <fill>
      <patternFill patternType="solid">
        <fgColor indexed="22"/>
        <bgColor indexed="0"/>
      </patternFill>
    </fill>
    <fill>
      <patternFill patternType="solid">
        <fgColor rgb="FFFFFF00"/>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8"/>
      </left>
      <right style="thin">
        <color indexed="8"/>
      </right>
      <top/>
      <bottom/>
      <diagonal/>
    </border>
    <border>
      <left style="thin">
        <color indexed="8"/>
      </left>
      <right style="thin">
        <color indexed="8"/>
      </right>
      <top style="thin">
        <color indexed="8"/>
      </top>
      <bottom/>
      <diagonal/>
    </border>
    <border>
      <left style="thin">
        <color indexed="64"/>
      </left>
      <right style="thin">
        <color indexed="64"/>
      </right>
      <top/>
      <bottom/>
      <diagonal/>
    </border>
  </borders>
  <cellStyleXfs count="3">
    <xf numFmtId="0" fontId="0" fillId="0" borderId="0"/>
    <xf numFmtId="0" fontId="3" fillId="0" borderId="0"/>
    <xf numFmtId="9" fontId="5" fillId="0" borderId="0" applyFont="0" applyFill="0" applyBorder="0" applyAlignment="0" applyProtection="0"/>
  </cellStyleXfs>
  <cellXfs count="65">
    <xf numFmtId="0" fontId="0" fillId="0" borderId="0" xfId="0"/>
    <xf numFmtId="0" fontId="0" fillId="0" borderId="0" xfId="0" applyAlignment="1">
      <alignment horizontal="left"/>
    </xf>
    <xf numFmtId="0" fontId="1" fillId="0" borderId="0" xfId="0" applyFont="1" applyAlignment="1">
      <alignment horizontal="left"/>
    </xf>
    <xf numFmtId="0" fontId="0" fillId="0" borderId="0" xfId="0" applyAlignment="1"/>
    <xf numFmtId="0" fontId="0" fillId="3" borderId="0" xfId="0" applyFill="1" applyAlignment="1"/>
    <xf numFmtId="0" fontId="6" fillId="0" borderId="0" xfId="0" applyFont="1"/>
    <xf numFmtId="0" fontId="1" fillId="0" borderId="0" xfId="0" applyFont="1"/>
    <xf numFmtId="0" fontId="1" fillId="0" borderId="0" xfId="0" applyFont="1" applyAlignment="1">
      <alignment horizontal="center" vertical="center" wrapText="1"/>
    </xf>
    <xf numFmtId="9" fontId="0" fillId="0" borderId="0" xfId="2" applyFont="1"/>
    <xf numFmtId="0" fontId="12" fillId="0" borderId="0" xfId="0" applyFont="1" applyAlignment="1">
      <alignment horizontal="left"/>
    </xf>
    <xf numFmtId="0" fontId="9" fillId="2" borderId="11" xfId="1" applyFont="1" applyFill="1" applyBorder="1" applyAlignment="1">
      <alignment horizontal="center" vertical="center" wrapText="1"/>
    </xf>
    <xf numFmtId="0" fontId="2" fillId="0" borderId="1" xfId="1" applyFont="1" applyFill="1" applyBorder="1" applyAlignment="1">
      <alignment horizontal="left"/>
    </xf>
    <xf numFmtId="0" fontId="9" fillId="2" borderId="11" xfId="1" applyFont="1" applyFill="1" applyBorder="1" applyAlignment="1">
      <alignment horizontal="left"/>
    </xf>
    <xf numFmtId="0" fontId="8" fillId="2" borderId="11" xfId="1" applyFont="1" applyFill="1" applyBorder="1" applyAlignment="1">
      <alignment horizontal="center"/>
    </xf>
    <xf numFmtId="0" fontId="8" fillId="2" borderId="12" xfId="1" applyFont="1" applyFill="1" applyBorder="1" applyAlignment="1">
      <alignment horizontal="center"/>
    </xf>
    <xf numFmtId="0" fontId="8" fillId="2" borderId="11" xfId="1" applyFont="1" applyFill="1" applyBorder="1" applyAlignment="1">
      <alignment horizontal="center" vertical="center" wrapText="1"/>
    </xf>
    <xf numFmtId="10" fontId="2" fillId="0" borderId="1" xfId="2" applyNumberFormat="1" applyFont="1" applyFill="1" applyBorder="1" applyAlignment="1">
      <alignment horizontal="left"/>
    </xf>
    <xf numFmtId="9" fontId="9" fillId="2" borderId="11" xfId="2" applyFont="1" applyFill="1" applyBorder="1" applyAlignment="1">
      <alignment horizontal="center" vertical="center" wrapText="1"/>
    </xf>
    <xf numFmtId="0" fontId="9" fillId="2" borderId="11" xfId="1" applyFont="1" applyFill="1" applyBorder="1" applyAlignment="1">
      <alignment horizontal="center" vertical="center"/>
    </xf>
    <xf numFmtId="0" fontId="2" fillId="0" borderId="1" xfId="1" applyFont="1" applyFill="1" applyBorder="1" applyAlignment="1">
      <alignment horizontal="left" wrapText="1"/>
    </xf>
    <xf numFmtId="0" fontId="13" fillId="0" borderId="0" xfId="0" applyFont="1" applyAlignment="1">
      <alignment horizontal="left" vertical="center" wrapText="1"/>
    </xf>
    <xf numFmtId="0" fontId="9" fillId="2" borderId="12" xfId="1" applyFont="1" applyFill="1" applyBorder="1" applyAlignment="1">
      <alignment horizontal="left" vertical="center" wrapText="1"/>
    </xf>
    <xf numFmtId="0" fontId="13" fillId="0" borderId="0" xfId="0" applyFont="1" applyAlignment="1">
      <alignment horizontal="center" vertical="center"/>
    </xf>
    <xf numFmtId="0" fontId="9" fillId="2" borderId="1" xfId="1" applyFont="1" applyFill="1" applyBorder="1" applyAlignment="1">
      <alignment horizontal="center" vertical="center" wrapText="1"/>
    </xf>
    <xf numFmtId="0" fontId="13" fillId="0" borderId="0" xfId="0" applyFont="1" applyAlignment="1">
      <alignment horizontal="center" vertical="center" wrapText="1"/>
    </xf>
    <xf numFmtId="0" fontId="13" fillId="0" borderId="0" xfId="0" applyFont="1" applyAlignment="1">
      <alignment horizontal="center"/>
    </xf>
    <xf numFmtId="0" fontId="9" fillId="2" borderId="12" xfId="1" applyFont="1" applyFill="1" applyBorder="1" applyAlignment="1">
      <alignment horizontal="center"/>
    </xf>
    <xf numFmtId="10" fontId="2" fillId="0" borderId="1" xfId="1" applyNumberFormat="1" applyFont="1" applyFill="1" applyBorder="1" applyAlignment="1">
      <alignment horizontal="left"/>
    </xf>
    <xf numFmtId="0" fontId="9" fillId="2" borderId="12" xfId="1" applyFont="1" applyFill="1" applyBorder="1" applyAlignment="1">
      <alignment horizontal="center" vertical="center"/>
    </xf>
    <xf numFmtId="0" fontId="9" fillId="2" borderId="12" xfId="1" applyFont="1" applyFill="1" applyBorder="1" applyAlignment="1">
      <alignment horizontal="center" vertical="center" wrapText="1"/>
    </xf>
    <xf numFmtId="0" fontId="7" fillId="3" borderId="2" xfId="0" applyFont="1" applyFill="1" applyBorder="1" applyAlignment="1">
      <alignment horizontal="center" vertical="center" wrapText="1"/>
    </xf>
    <xf numFmtId="0" fontId="7" fillId="3" borderId="3" xfId="0" applyFont="1" applyFill="1" applyBorder="1" applyAlignment="1">
      <alignment horizontal="center" vertical="center" wrapText="1"/>
    </xf>
    <xf numFmtId="0" fontId="7" fillId="3" borderId="4" xfId="0" applyFont="1" applyFill="1" applyBorder="1" applyAlignment="1">
      <alignment horizontal="center" vertical="center" wrapText="1"/>
    </xf>
    <xf numFmtId="0" fontId="7" fillId="0" borderId="5" xfId="0" applyFont="1" applyBorder="1" applyAlignment="1">
      <alignment vertical="top" wrapText="1"/>
    </xf>
    <xf numFmtId="0" fontId="7" fillId="0" borderId="6" xfId="0" applyFont="1" applyBorder="1" applyAlignment="1">
      <alignment vertical="top" wrapText="1"/>
    </xf>
    <xf numFmtId="0" fontId="7" fillId="0" borderId="7" xfId="0" applyFont="1" applyBorder="1" applyAlignment="1">
      <alignment vertical="top" wrapText="1"/>
    </xf>
    <xf numFmtId="0" fontId="7" fillId="3" borderId="2" xfId="0" applyFont="1" applyFill="1" applyBorder="1" applyAlignment="1">
      <alignment horizontal="center" vertical="center"/>
    </xf>
    <xf numFmtId="0" fontId="7" fillId="3" borderId="3" xfId="0" applyFont="1" applyFill="1" applyBorder="1" applyAlignment="1">
      <alignment horizontal="center" vertical="center"/>
    </xf>
    <xf numFmtId="0" fontId="7" fillId="3" borderId="4" xfId="0" applyFont="1" applyFill="1" applyBorder="1" applyAlignment="1">
      <alignment horizontal="center" vertical="center"/>
    </xf>
    <xf numFmtId="0" fontId="7" fillId="0" borderId="2" xfId="0" applyFont="1" applyBorder="1" applyAlignment="1">
      <alignment vertical="top" wrapText="1"/>
    </xf>
    <xf numFmtId="0" fontId="7" fillId="0" borderId="3" xfId="0" applyFont="1" applyBorder="1" applyAlignment="1">
      <alignment vertical="top" wrapText="1"/>
    </xf>
    <xf numFmtId="0" fontId="7" fillId="0" borderId="4" xfId="0" applyFont="1" applyBorder="1" applyAlignment="1">
      <alignment vertical="top" wrapText="1"/>
    </xf>
    <xf numFmtId="0" fontId="7" fillId="0" borderId="8" xfId="0" applyFont="1" applyBorder="1" applyAlignment="1">
      <alignment vertical="top" wrapText="1"/>
    </xf>
    <xf numFmtId="0" fontId="7" fillId="0" borderId="9" xfId="0" applyFont="1" applyBorder="1" applyAlignment="1">
      <alignment vertical="top" wrapText="1"/>
    </xf>
    <xf numFmtId="0" fontId="7" fillId="0" borderId="10" xfId="0" applyFont="1" applyBorder="1" applyAlignment="1">
      <alignment vertical="top" wrapText="1"/>
    </xf>
    <xf numFmtId="0" fontId="7" fillId="3" borderId="1" xfId="0" applyFont="1" applyFill="1" applyBorder="1" applyAlignment="1">
      <alignment horizontal="center" vertical="center" wrapText="1"/>
    </xf>
    <xf numFmtId="0" fontId="7" fillId="0" borderId="1" xfId="0" applyFont="1" applyBorder="1" applyAlignment="1">
      <alignment vertical="top" wrapText="1"/>
    </xf>
    <xf numFmtId="0" fontId="1" fillId="0" borderId="0" xfId="0" applyFont="1" applyAlignment="1">
      <alignment horizontal="center"/>
    </xf>
    <xf numFmtId="0" fontId="9" fillId="2" borderId="1" xfId="1" applyFont="1" applyFill="1" applyBorder="1" applyAlignment="1">
      <alignment horizontal="center"/>
    </xf>
    <xf numFmtId="0" fontId="4" fillId="0" borderId="0" xfId="0" applyFont="1"/>
    <xf numFmtId="0" fontId="4" fillId="0" borderId="1" xfId="0" applyFont="1" applyBorder="1" applyAlignment="1">
      <alignment horizontal="center" vertical="center"/>
    </xf>
    <xf numFmtId="0" fontId="14" fillId="0" borderId="0" xfId="0" applyFont="1"/>
    <xf numFmtId="0" fontId="10" fillId="0" borderId="1" xfId="1" applyFont="1" applyFill="1" applyBorder="1" applyAlignment="1">
      <alignment horizontal="left"/>
    </xf>
    <xf numFmtId="0" fontId="12" fillId="0" borderId="0" xfId="0" applyFont="1"/>
    <xf numFmtId="0" fontId="15" fillId="0" borderId="0" xfId="0" applyFont="1"/>
    <xf numFmtId="10" fontId="10" fillId="0" borderId="1" xfId="2" applyNumberFormat="1" applyFont="1" applyFill="1" applyBorder="1" applyAlignment="1">
      <alignment horizontal="left"/>
    </xf>
    <xf numFmtId="0" fontId="16" fillId="0" borderId="0" xfId="0" applyFont="1"/>
    <xf numFmtId="0" fontId="9" fillId="2" borderId="1" xfId="1" applyFont="1" applyFill="1" applyBorder="1" applyAlignment="1">
      <alignment horizontal="center" vertical="center"/>
    </xf>
    <xf numFmtId="0" fontId="1" fillId="0" borderId="0" xfId="0" applyFont="1" applyAlignment="1">
      <alignment horizontal="center" vertical="center"/>
    </xf>
    <xf numFmtId="0" fontId="0" fillId="0" borderId="0" xfId="0" applyAlignment="1">
      <alignment wrapText="1"/>
    </xf>
    <xf numFmtId="10" fontId="2" fillId="0" borderId="1" xfId="1" applyNumberFormat="1" applyFont="1" applyFill="1" applyBorder="1" applyAlignment="1">
      <alignment horizontal="left" wrapText="1"/>
    </xf>
    <xf numFmtId="0" fontId="0" fillId="0" borderId="1" xfId="0" applyBorder="1"/>
    <xf numFmtId="0" fontId="8" fillId="2" borderId="1" xfId="1" applyFont="1" applyFill="1" applyBorder="1" applyAlignment="1">
      <alignment horizontal="center"/>
    </xf>
    <xf numFmtId="10" fontId="0" fillId="0" borderId="1" xfId="2" applyNumberFormat="1" applyFont="1" applyBorder="1"/>
    <xf numFmtId="0" fontId="2" fillId="0" borderId="13" xfId="1" applyFont="1" applyFill="1" applyBorder="1" applyAlignment="1">
      <alignment horizontal="left"/>
    </xf>
  </cellXfs>
  <cellStyles count="3">
    <cellStyle name="Normal" xfId="0" builtinId="0"/>
    <cellStyle name="Normal_Planilha1" xfId="1"/>
    <cellStyle name="Porcentagem"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no"?><Relationships xmlns="http://schemas.openxmlformats.org/package/2006/relationships"><Relationship Id="rId1" Target="worksheets/sheet1.xml" Type="http://schemas.openxmlformats.org/officeDocument/2006/relationships/worksheet"/><Relationship Id="rId10" Target="worksheets/sheet10.xml" Type="http://schemas.openxmlformats.org/officeDocument/2006/relationships/worksheet"/><Relationship Id="rId11" Target="worksheets/sheet11.xml" Type="http://schemas.openxmlformats.org/officeDocument/2006/relationships/worksheet"/><Relationship Id="rId12" Target="worksheets/sheet12.xml" Type="http://schemas.openxmlformats.org/officeDocument/2006/relationships/worksheet"/><Relationship Id="rId13" Target="worksheets/sheet13.xml" Type="http://schemas.openxmlformats.org/officeDocument/2006/relationships/worksheet"/><Relationship Id="rId14" Target="worksheets/sheet14.xml" Type="http://schemas.openxmlformats.org/officeDocument/2006/relationships/worksheet"/><Relationship Id="rId15" Target="worksheets/sheet15.xml" Type="http://schemas.openxmlformats.org/officeDocument/2006/relationships/worksheet"/><Relationship Id="rId16" Target="worksheets/sheet16.xml" Type="http://schemas.openxmlformats.org/officeDocument/2006/relationships/worksheet"/><Relationship Id="rId17" Target="worksheets/sheet17.xml" Type="http://schemas.openxmlformats.org/officeDocument/2006/relationships/worksheet"/><Relationship Id="rId18" Target="worksheets/sheet18.xml" Type="http://schemas.openxmlformats.org/officeDocument/2006/relationships/worksheet"/><Relationship Id="rId19" Target="worksheets/sheet19.xml" Type="http://schemas.openxmlformats.org/officeDocument/2006/relationships/worksheet"/><Relationship Id="rId2" Target="worksheets/sheet2.xml" Type="http://schemas.openxmlformats.org/officeDocument/2006/relationships/worksheet"/><Relationship Id="rId20" Target="worksheets/sheet20.xml" Type="http://schemas.openxmlformats.org/officeDocument/2006/relationships/worksheet"/><Relationship Id="rId21" Target="worksheets/sheet21.xml" Type="http://schemas.openxmlformats.org/officeDocument/2006/relationships/worksheet"/><Relationship Id="rId22" Target="worksheets/sheet22.xml" Type="http://schemas.openxmlformats.org/officeDocument/2006/relationships/worksheet"/><Relationship Id="rId23" Target="worksheets/sheet23.xml" Type="http://schemas.openxmlformats.org/officeDocument/2006/relationships/worksheet"/><Relationship Id="rId24" Target="worksheets/sheet24.xml" Type="http://schemas.openxmlformats.org/officeDocument/2006/relationships/worksheet"/><Relationship Id="rId25" Target="theme/theme1.xml" Type="http://schemas.openxmlformats.org/officeDocument/2006/relationships/theme"/><Relationship Id="rId26" Target="styles.xml" Type="http://schemas.openxmlformats.org/officeDocument/2006/relationships/styles"/><Relationship Id="rId27" Target="sharedStrings.xml" Type="http://schemas.openxmlformats.org/officeDocument/2006/relationships/sharedStrings"/><Relationship Id="rId3" Target="worksheets/sheet3.xml" Type="http://schemas.openxmlformats.org/officeDocument/2006/relationships/worksheet"/><Relationship Id="rId4" Target="worksheets/sheet4.xml" Type="http://schemas.openxmlformats.org/officeDocument/2006/relationships/worksheet"/><Relationship Id="rId5" Target="worksheets/sheet5.xml" Type="http://schemas.openxmlformats.org/officeDocument/2006/relationships/worksheet"/><Relationship Id="rId6" Target="worksheets/sheet6.xml" Type="http://schemas.openxmlformats.org/officeDocument/2006/relationships/worksheet"/><Relationship Id="rId7" Target="worksheets/sheet7.xml" Type="http://schemas.openxmlformats.org/officeDocument/2006/relationships/worksheet"/><Relationship Id="rId8" Target="worksheets/sheet8.xml" Type="http://schemas.openxmlformats.org/officeDocument/2006/relationships/worksheet"/><Relationship Id="rId9" Target="worksheets/sheet9.xml" Type="http://schemas.openxmlformats.org/officeDocument/2006/relationships/worksheet"/></Relationships>
</file>

<file path=xl/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5.xml.rels><?xml version="1.0" encoding="UTF-8" standalone="no"?><Relationships xmlns="http://schemas.openxmlformats.org/package/2006/relationships"><Relationship Id="rId1" Target="../printerSettings/printerSettings1.bin" Type="http://schemas.openxmlformats.org/officeDocument/2006/relationships/printerSettings"/></Relationships>
</file>

<file path=xl/worksheets/_rels/sheet17.xml.rels><?xml version="1.0" encoding="UTF-8" standalone="no"?><Relationships xmlns="http://schemas.openxmlformats.org/package/2006/relationships"><Relationship Id="rId1" Target="../printerSettings/printerSettings2.bin" Type="http://schemas.openxmlformats.org/officeDocument/2006/relationships/printerSettings"/></Relationships>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8"/>
  <sheetViews>
    <sheetView workbookViewId="0"/>
  </sheetViews>
  <sheetFormatPr defaultRowHeight="15" x14ac:dyDescent="0.25"/>
  <cols>
    <col min="2" max="2" width="9.42578125" bestFit="1" customWidth="1"/>
    <col min="3" max="3" width="10.42578125" bestFit="1" customWidth="1"/>
    <col min="4" max="4" width="27.28515625" bestFit="1" customWidth="1"/>
    <col min="5" max="5" width="43.5703125" bestFit="1" customWidth="1"/>
    <col min="6" max="6" width="7.710937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396</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25" customFormat="1" x14ac:dyDescent="0.25">
      <c r="A6" s="26" t="s">
        <v>0</v>
      </c>
      <c r="B6" s="26" t="s">
        <v>1</v>
      </c>
      <c r="C6" s="26" t="s">
        <v>2</v>
      </c>
      <c r="D6" s="26" t="s">
        <v>47</v>
      </c>
      <c r="E6" s="26" t="s">
        <v>5</v>
      </c>
      <c r="F6" s="26" t="s">
        <v>6</v>
      </c>
      <c r="G6" s="26" t="s">
        <v>7</v>
      </c>
      <c r="H6" s="26" t="s">
        <v>8</v>
      </c>
      <c r="I6" s="26" t="s">
        <v>9</v>
      </c>
      <c r="J6" s="26" t="s">
        <v>10</v>
      </c>
    </row>
    <row r="7" spans="1:10" s="1" customFormat="1" x14ac:dyDescent="0.25">
      <c r="A7" s="11" t="s">
        <v>397</v>
      </c>
      <c r="B7" s="11" t="s">
        <v>11</v>
      </c>
      <c r="C7" s="11" t="s">
        <v>12</v>
      </c>
      <c r="D7" s="11" t="s">
        <v>46</v>
      </c>
      <c r="E7" s="11" t="s">
        <v>45</v>
      </c>
      <c r="F7" s="27">
        <v>0.53449999999999998</v>
      </c>
      <c r="G7" s="11" t="s">
        <v>11</v>
      </c>
      <c r="H7" s="11" t="s">
        <v>11</v>
      </c>
      <c r="I7" s="11" t="s">
        <v>11</v>
      </c>
      <c r="J7" s="11" t="s">
        <v>14</v>
      </c>
    </row>
    <row r="8" spans="1:10" s="1" customFormat="1" x14ac:dyDescent="0.25">
      <c r="A8" s="11" t="s">
        <v>398</v>
      </c>
      <c r="B8" s="11" t="s">
        <v>11</v>
      </c>
      <c r="C8" s="11" t="s">
        <v>12</v>
      </c>
      <c r="D8" s="11" t="s">
        <v>46</v>
      </c>
      <c r="E8" s="11" t="s">
        <v>45</v>
      </c>
      <c r="F8" s="27">
        <v>0.53449999999999998</v>
      </c>
      <c r="G8" s="11" t="s">
        <v>11</v>
      </c>
      <c r="H8" s="11" t="s">
        <v>11</v>
      </c>
      <c r="I8" s="11" t="s">
        <v>11</v>
      </c>
      <c r="J8" s="11" t="s">
        <v>14</v>
      </c>
    </row>
    <row r="9" spans="1:10" s="1" customFormat="1" x14ac:dyDescent="0.25">
      <c r="A9" s="11" t="s">
        <v>399</v>
      </c>
      <c r="B9" s="11" t="s">
        <v>11</v>
      </c>
      <c r="C9" s="11" t="s">
        <v>12</v>
      </c>
      <c r="D9" s="11" t="s">
        <v>46</v>
      </c>
      <c r="E9" s="11" t="s">
        <v>45</v>
      </c>
      <c r="F9" s="27">
        <v>0.53449999999999998</v>
      </c>
      <c r="G9" s="11" t="s">
        <v>11</v>
      </c>
      <c r="H9" s="11" t="s">
        <v>11</v>
      </c>
      <c r="I9" s="11" t="s">
        <v>11</v>
      </c>
      <c r="J9" s="11" t="s">
        <v>14</v>
      </c>
    </row>
    <row r="10" spans="1:10" s="1" customFormat="1" x14ac:dyDescent="0.25">
      <c r="A10" s="11" t="s">
        <v>400</v>
      </c>
      <c r="B10" s="11" t="s">
        <v>11</v>
      </c>
      <c r="C10" s="11" t="s">
        <v>12</v>
      </c>
      <c r="D10" s="11" t="s">
        <v>46</v>
      </c>
      <c r="E10" s="11" t="s">
        <v>45</v>
      </c>
      <c r="F10" s="27">
        <v>0.53449999999999998</v>
      </c>
      <c r="G10" s="11" t="s">
        <v>11</v>
      </c>
      <c r="H10" s="11" t="s">
        <v>11</v>
      </c>
      <c r="I10" s="11" t="s">
        <v>11</v>
      </c>
      <c r="J10" s="11" t="s">
        <v>14</v>
      </c>
    </row>
    <row r="11" spans="1:10" s="1" customFormat="1" x14ac:dyDescent="0.25">
      <c r="A11" s="11" t="s">
        <v>401</v>
      </c>
      <c r="B11" s="11" t="s">
        <v>11</v>
      </c>
      <c r="C11" s="11" t="s">
        <v>12</v>
      </c>
      <c r="D11" s="11" t="s">
        <v>46</v>
      </c>
      <c r="E11" s="11" t="s">
        <v>45</v>
      </c>
      <c r="F11" s="27">
        <v>0.53449999999999998</v>
      </c>
      <c r="G11" s="11" t="s">
        <v>11</v>
      </c>
      <c r="H11" s="11" t="s">
        <v>11</v>
      </c>
      <c r="I11" s="11" t="s">
        <v>11</v>
      </c>
      <c r="J11" s="11" t="s">
        <v>14</v>
      </c>
    </row>
    <row r="12" spans="1:10" s="1" customFormat="1" x14ac:dyDescent="0.25">
      <c r="A12" s="11" t="s">
        <v>402</v>
      </c>
      <c r="B12" s="11" t="s">
        <v>11</v>
      </c>
      <c r="C12" s="11" t="s">
        <v>12</v>
      </c>
      <c r="D12" s="11" t="s">
        <v>46</v>
      </c>
      <c r="E12" s="11" t="s">
        <v>45</v>
      </c>
      <c r="F12" s="27">
        <v>0.53449999999999998</v>
      </c>
      <c r="G12" s="11" t="s">
        <v>11</v>
      </c>
      <c r="H12" s="11" t="s">
        <v>11</v>
      </c>
      <c r="I12" s="11" t="s">
        <v>11</v>
      </c>
      <c r="J12" s="11" t="s">
        <v>14</v>
      </c>
    </row>
    <row r="13" spans="1:10" s="1" customFormat="1" x14ac:dyDescent="0.25">
      <c r="A13" s="11" t="s">
        <v>403</v>
      </c>
      <c r="B13" s="11" t="s">
        <v>11</v>
      </c>
      <c r="C13" s="11" t="s">
        <v>12</v>
      </c>
      <c r="D13" s="11" t="s">
        <v>46</v>
      </c>
      <c r="E13" s="11" t="s">
        <v>45</v>
      </c>
      <c r="F13" s="27">
        <v>0.53449999999999998</v>
      </c>
      <c r="G13" s="11" t="s">
        <v>11</v>
      </c>
      <c r="H13" s="11" t="s">
        <v>11</v>
      </c>
      <c r="I13" s="11" t="s">
        <v>11</v>
      </c>
      <c r="J13" s="11" t="s">
        <v>14</v>
      </c>
    </row>
    <row r="14" spans="1:10" s="1" customFormat="1" x14ac:dyDescent="0.25">
      <c r="A14" s="11" t="s">
        <v>404</v>
      </c>
      <c r="B14" s="11" t="s">
        <v>11</v>
      </c>
      <c r="C14" s="11" t="s">
        <v>12</v>
      </c>
      <c r="D14" s="11" t="s">
        <v>46</v>
      </c>
      <c r="E14" s="11" t="s">
        <v>45</v>
      </c>
      <c r="F14" s="27">
        <v>0.53449999999999998</v>
      </c>
      <c r="G14" s="11" t="s">
        <v>11</v>
      </c>
      <c r="H14" s="11" t="s">
        <v>11</v>
      </c>
      <c r="I14" s="11" t="s">
        <v>11</v>
      </c>
      <c r="J14" s="11" t="s">
        <v>14</v>
      </c>
    </row>
    <row r="15" spans="1:10" s="1" customFormat="1" x14ac:dyDescent="0.25">
      <c r="A15" s="11" t="s">
        <v>405</v>
      </c>
      <c r="B15" s="11" t="s">
        <v>11</v>
      </c>
      <c r="C15" s="11" t="s">
        <v>12</v>
      </c>
      <c r="D15" s="11" t="s">
        <v>46</v>
      </c>
      <c r="E15" s="11" t="s">
        <v>45</v>
      </c>
      <c r="F15" s="27">
        <v>0.53449999999999998</v>
      </c>
      <c r="G15" s="11" t="s">
        <v>11</v>
      </c>
      <c r="H15" s="11" t="s">
        <v>11</v>
      </c>
      <c r="I15" s="11" t="s">
        <v>11</v>
      </c>
      <c r="J15" s="11" t="s">
        <v>14</v>
      </c>
    </row>
    <row r="16" spans="1:10" s="1" customFormat="1" x14ac:dyDescent="0.25">
      <c r="A16" s="11" t="s">
        <v>406</v>
      </c>
      <c r="B16" s="11" t="s">
        <v>11</v>
      </c>
      <c r="C16" s="11" t="s">
        <v>12</v>
      </c>
      <c r="D16" s="11" t="s">
        <v>46</v>
      </c>
      <c r="E16" s="11" t="s">
        <v>45</v>
      </c>
      <c r="F16" s="27">
        <v>0.53449999999999998</v>
      </c>
      <c r="G16" s="11" t="s">
        <v>11</v>
      </c>
      <c r="H16" s="11" t="s">
        <v>11</v>
      </c>
      <c r="I16" s="11" t="s">
        <v>11</v>
      </c>
      <c r="J16" s="11" t="s">
        <v>14</v>
      </c>
    </row>
    <row r="17" spans="1:10" s="1" customFormat="1" x14ac:dyDescent="0.25">
      <c r="A17" s="11" t="s">
        <v>407</v>
      </c>
      <c r="B17" s="11" t="s">
        <v>11</v>
      </c>
      <c r="C17" s="11" t="s">
        <v>12</v>
      </c>
      <c r="D17" s="11" t="s">
        <v>46</v>
      </c>
      <c r="E17" s="11" t="s">
        <v>45</v>
      </c>
      <c r="F17" s="27">
        <v>0.53449999999999998</v>
      </c>
      <c r="G17" s="11" t="s">
        <v>11</v>
      </c>
      <c r="H17" s="11" t="s">
        <v>11</v>
      </c>
      <c r="I17" s="11" t="s">
        <v>11</v>
      </c>
      <c r="J17" s="11" t="s">
        <v>14</v>
      </c>
    </row>
    <row r="18" spans="1:10" s="1" customFormat="1" x14ac:dyDescent="0.25">
      <c r="A18" s="11" t="s">
        <v>408</v>
      </c>
      <c r="B18" s="11" t="s">
        <v>11</v>
      </c>
      <c r="C18" s="11" t="s">
        <v>12</v>
      </c>
      <c r="D18" s="11" t="s">
        <v>46</v>
      </c>
      <c r="E18" s="11" t="s">
        <v>45</v>
      </c>
      <c r="F18" s="27">
        <v>0.53449999999999998</v>
      </c>
      <c r="G18" s="11" t="s">
        <v>11</v>
      </c>
      <c r="H18" s="11" t="s">
        <v>11</v>
      </c>
      <c r="I18" s="11" t="s">
        <v>11</v>
      </c>
      <c r="J18" s="11" t="s">
        <v>14</v>
      </c>
    </row>
  </sheetData>
  <mergeCells count="2">
    <mergeCell ref="A4:J4"/>
    <mergeCell ref="A5:J5"/>
  </mergeCells>
  <pageMargins left="0.511811024" right="0.511811024" top="0.78740157499999996" bottom="0.78740157499999996" header="0.31496062000000002" footer="0.3149606200000000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5"/>
  <sheetViews>
    <sheetView workbookViewId="0"/>
  </sheetViews>
  <sheetFormatPr defaultRowHeight="15" x14ac:dyDescent="0.25"/>
  <cols>
    <col min="2" max="2" width="9.42578125" bestFit="1" customWidth="1"/>
    <col min="3" max="3" width="10.42578125" bestFit="1" customWidth="1"/>
    <col min="4" max="4" width="27.7109375" bestFit="1" customWidth="1"/>
    <col min="5" max="5" width="29.85546875" bestFit="1" customWidth="1"/>
    <col min="6" max="6" width="43.5703125" bestFit="1" customWidth="1"/>
    <col min="7" max="7" width="7.7109375" bestFit="1" customWidth="1"/>
    <col min="8" max="8" width="16.5703125" bestFit="1" customWidth="1"/>
    <col min="9" max="9" width="4.28515625" bestFit="1" customWidth="1"/>
    <col min="10" max="10" width="24.85546875" bestFit="1" customWidth="1"/>
    <col min="11" max="11" width="11.85546875" bestFit="1" customWidth="1"/>
  </cols>
  <sheetData>
    <row r="1" spans="1:11" x14ac:dyDescent="0.25">
      <c r="A1" s="5" t="s">
        <v>184</v>
      </c>
      <c r="J1" s="3"/>
      <c r="K1" s="3"/>
    </row>
    <row r="2" spans="1:11" x14ac:dyDescent="0.25">
      <c r="A2" s="5" t="s">
        <v>181</v>
      </c>
      <c r="J2" s="3"/>
      <c r="K2" s="3"/>
    </row>
    <row r="3" spans="1:11" x14ac:dyDescent="0.25">
      <c r="A3" s="5" t="s">
        <v>182</v>
      </c>
      <c r="J3" s="3"/>
      <c r="K3" s="3"/>
    </row>
    <row r="4" spans="1:11" x14ac:dyDescent="0.25">
      <c r="A4" s="45" t="s">
        <v>418</v>
      </c>
      <c r="B4" s="45"/>
      <c r="C4" s="45"/>
      <c r="D4" s="45"/>
      <c r="E4" s="45"/>
      <c r="F4" s="45"/>
      <c r="G4" s="45"/>
      <c r="H4" s="45"/>
      <c r="I4" s="45"/>
      <c r="J4" s="45"/>
      <c r="K4" s="45"/>
    </row>
    <row r="5" spans="1:11" ht="95.25" customHeight="1" x14ac:dyDescent="0.25">
      <c r="A5" s="46" t="s">
        <v>180</v>
      </c>
      <c r="B5" s="46"/>
      <c r="C5" s="46"/>
      <c r="D5" s="46"/>
      <c r="E5" s="46"/>
      <c r="F5" s="46"/>
      <c r="G5" s="46"/>
      <c r="H5" s="46"/>
      <c r="I5" s="46"/>
      <c r="J5" s="46"/>
      <c r="K5" s="46"/>
    </row>
    <row r="6" spans="1:11" s="22" customFormat="1" ht="45" x14ac:dyDescent="0.25">
      <c r="A6" s="28" t="s">
        <v>0</v>
      </c>
      <c r="B6" s="28" t="s">
        <v>1</v>
      </c>
      <c r="C6" s="28" t="s">
        <v>2</v>
      </c>
      <c r="D6" s="28" t="s">
        <v>47</v>
      </c>
      <c r="E6" s="29" t="s">
        <v>422</v>
      </c>
      <c r="F6" s="28" t="s">
        <v>5</v>
      </c>
      <c r="G6" s="28" t="s">
        <v>6</v>
      </c>
      <c r="H6" s="28" t="s">
        <v>7</v>
      </c>
      <c r="I6" s="28" t="s">
        <v>8</v>
      </c>
      <c r="J6" s="28" t="s">
        <v>9</v>
      </c>
      <c r="K6" s="28" t="s">
        <v>10</v>
      </c>
    </row>
    <row r="7" spans="1:11" s="1" customFormat="1" x14ac:dyDescent="0.25">
      <c r="A7" s="11" t="s">
        <v>409</v>
      </c>
      <c r="B7" s="11" t="s">
        <v>11</v>
      </c>
      <c r="C7" s="11" t="s">
        <v>12</v>
      </c>
      <c r="D7" s="11" t="s">
        <v>419</v>
      </c>
      <c r="E7" s="11" t="s">
        <v>420</v>
      </c>
      <c r="F7" s="11" t="s">
        <v>45</v>
      </c>
      <c r="G7" s="27">
        <v>0.38</v>
      </c>
      <c r="H7" s="11" t="s">
        <v>11</v>
      </c>
      <c r="I7" s="11" t="s">
        <v>11</v>
      </c>
      <c r="J7" s="11" t="s">
        <v>11</v>
      </c>
      <c r="K7" s="11" t="s">
        <v>14</v>
      </c>
    </row>
    <row r="8" spans="1:11" s="1" customFormat="1" x14ac:dyDescent="0.25">
      <c r="A8" s="11" t="s">
        <v>410</v>
      </c>
      <c r="B8" s="11" t="s">
        <v>11</v>
      </c>
      <c r="C8" s="11" t="s">
        <v>12</v>
      </c>
      <c r="D8" s="11" t="s">
        <v>419</v>
      </c>
      <c r="E8" s="11" t="s">
        <v>420</v>
      </c>
      <c r="F8" s="11" t="s">
        <v>45</v>
      </c>
      <c r="G8" s="27">
        <v>0.38</v>
      </c>
      <c r="H8" s="11" t="s">
        <v>11</v>
      </c>
      <c r="I8" s="11" t="s">
        <v>11</v>
      </c>
      <c r="J8" s="11" t="s">
        <v>11</v>
      </c>
      <c r="K8" s="11" t="s">
        <v>14</v>
      </c>
    </row>
    <row r="9" spans="1:11" s="1" customFormat="1" x14ac:dyDescent="0.25">
      <c r="A9" s="11" t="s">
        <v>411</v>
      </c>
      <c r="B9" s="11" t="s">
        <v>11</v>
      </c>
      <c r="C9" s="11" t="s">
        <v>12</v>
      </c>
      <c r="D9" s="11" t="s">
        <v>419</v>
      </c>
      <c r="E9" s="11" t="s">
        <v>420</v>
      </c>
      <c r="F9" s="11" t="s">
        <v>45</v>
      </c>
      <c r="G9" s="27">
        <v>0.38</v>
      </c>
      <c r="H9" s="11" t="s">
        <v>11</v>
      </c>
      <c r="I9" s="11" t="s">
        <v>11</v>
      </c>
      <c r="J9" s="11" t="s">
        <v>11</v>
      </c>
      <c r="K9" s="11" t="s">
        <v>14</v>
      </c>
    </row>
    <row r="10" spans="1:11" s="1" customFormat="1" x14ac:dyDescent="0.25">
      <c r="A10" s="11" t="s">
        <v>412</v>
      </c>
      <c r="B10" s="11" t="s">
        <v>11</v>
      </c>
      <c r="C10" s="11" t="s">
        <v>12</v>
      </c>
      <c r="D10" s="11" t="s">
        <v>419</v>
      </c>
      <c r="E10" s="11" t="s">
        <v>420</v>
      </c>
      <c r="F10" s="11" t="s">
        <v>45</v>
      </c>
      <c r="G10" s="27">
        <v>0.38</v>
      </c>
      <c r="H10" s="11" t="s">
        <v>11</v>
      </c>
      <c r="I10" s="11" t="s">
        <v>11</v>
      </c>
      <c r="J10" s="11" t="s">
        <v>11</v>
      </c>
      <c r="K10" s="11" t="s">
        <v>14</v>
      </c>
    </row>
    <row r="11" spans="1:11" s="1" customFormat="1" x14ac:dyDescent="0.25">
      <c r="A11" s="11" t="s">
        <v>413</v>
      </c>
      <c r="B11" s="11" t="s">
        <v>11</v>
      </c>
      <c r="C11" s="11" t="s">
        <v>12</v>
      </c>
      <c r="D11" s="11" t="s">
        <v>419</v>
      </c>
      <c r="E11" s="11" t="s">
        <v>420</v>
      </c>
      <c r="F11" s="11" t="s">
        <v>45</v>
      </c>
      <c r="G11" s="27">
        <v>0.38</v>
      </c>
      <c r="H11" s="11" t="s">
        <v>11</v>
      </c>
      <c r="I11" s="11" t="s">
        <v>11</v>
      </c>
      <c r="J11" s="11" t="s">
        <v>11</v>
      </c>
      <c r="K11" s="11" t="s">
        <v>14</v>
      </c>
    </row>
    <row r="12" spans="1:11" s="1" customFormat="1" x14ac:dyDescent="0.25">
      <c r="A12" s="11" t="s">
        <v>414</v>
      </c>
      <c r="B12" s="11" t="s">
        <v>11</v>
      </c>
      <c r="C12" s="11" t="s">
        <v>12</v>
      </c>
      <c r="D12" s="11" t="s">
        <v>419</v>
      </c>
      <c r="E12" s="11" t="s">
        <v>420</v>
      </c>
      <c r="F12" s="11" t="s">
        <v>45</v>
      </c>
      <c r="G12" s="27">
        <v>0.38</v>
      </c>
      <c r="H12" s="11" t="s">
        <v>11</v>
      </c>
      <c r="I12" s="11" t="s">
        <v>11</v>
      </c>
      <c r="J12" s="11" t="s">
        <v>11</v>
      </c>
      <c r="K12" s="11" t="s">
        <v>14</v>
      </c>
    </row>
    <row r="13" spans="1:11" s="1" customFormat="1" x14ac:dyDescent="0.25">
      <c r="A13" s="11" t="s">
        <v>415</v>
      </c>
      <c r="B13" s="11" t="s">
        <v>11</v>
      </c>
      <c r="C13" s="11" t="s">
        <v>12</v>
      </c>
      <c r="D13" s="11" t="s">
        <v>419</v>
      </c>
      <c r="E13" s="11" t="s">
        <v>420</v>
      </c>
      <c r="F13" s="11" t="s">
        <v>45</v>
      </c>
      <c r="G13" s="27">
        <v>0.38</v>
      </c>
      <c r="H13" s="11" t="s">
        <v>11</v>
      </c>
      <c r="I13" s="11" t="s">
        <v>11</v>
      </c>
      <c r="J13" s="11" t="s">
        <v>11</v>
      </c>
      <c r="K13" s="11" t="s">
        <v>14</v>
      </c>
    </row>
    <row r="14" spans="1:11" s="1" customFormat="1" x14ac:dyDescent="0.25">
      <c r="A14" s="11" t="s">
        <v>416</v>
      </c>
      <c r="B14" s="11" t="s">
        <v>11</v>
      </c>
      <c r="C14" s="11" t="s">
        <v>12</v>
      </c>
      <c r="D14" s="11" t="s">
        <v>419</v>
      </c>
      <c r="E14" s="11" t="s">
        <v>420</v>
      </c>
      <c r="F14" s="11" t="s">
        <v>45</v>
      </c>
      <c r="G14" s="27">
        <v>0.38</v>
      </c>
      <c r="H14" s="11" t="s">
        <v>11</v>
      </c>
      <c r="I14" s="11" t="s">
        <v>11</v>
      </c>
      <c r="J14" s="11" t="s">
        <v>11</v>
      </c>
      <c r="K14" s="11" t="s">
        <v>14</v>
      </c>
    </row>
    <row r="15" spans="1:11" s="1" customFormat="1" x14ac:dyDescent="0.25">
      <c r="A15" s="11" t="s">
        <v>417</v>
      </c>
      <c r="B15" s="11" t="s">
        <v>11</v>
      </c>
      <c r="C15" s="11" t="s">
        <v>12</v>
      </c>
      <c r="D15" s="11" t="s">
        <v>419</v>
      </c>
      <c r="E15" s="11" t="s">
        <v>420</v>
      </c>
      <c r="F15" s="11" t="s">
        <v>45</v>
      </c>
      <c r="G15" s="27">
        <v>0.38</v>
      </c>
      <c r="H15" s="11" t="s">
        <v>11</v>
      </c>
      <c r="I15" s="11" t="s">
        <v>11</v>
      </c>
      <c r="J15" s="11" t="s">
        <v>11</v>
      </c>
      <c r="K15" s="11" t="s">
        <v>14</v>
      </c>
    </row>
  </sheetData>
  <mergeCells count="2">
    <mergeCell ref="A4:K4"/>
    <mergeCell ref="A5:K5"/>
  </mergeCells>
  <pageMargins left="0.511811024" right="0.511811024" top="0.78740157499999996" bottom="0.78740157499999996" header="0.31496062000000002" footer="0.3149606200000000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5"/>
  <sheetViews>
    <sheetView workbookViewId="0"/>
  </sheetViews>
  <sheetFormatPr defaultRowHeight="15" x14ac:dyDescent="0.25"/>
  <cols>
    <col min="2" max="2" width="9.42578125" bestFit="1" customWidth="1"/>
    <col min="3" max="3" width="10.42578125" bestFit="1" customWidth="1"/>
    <col min="4" max="4" width="23" bestFit="1" customWidth="1"/>
    <col min="5" max="5" width="20" bestFit="1" customWidth="1"/>
    <col min="6" max="6" width="21" bestFit="1" customWidth="1"/>
    <col min="7" max="7" width="43.5703125" bestFit="1" customWidth="1"/>
    <col min="8" max="8" width="7.7109375" bestFit="1" customWidth="1"/>
    <col min="9" max="9" width="16.5703125" bestFit="1" customWidth="1"/>
    <col min="10" max="10" width="4.28515625" bestFit="1" customWidth="1"/>
    <col min="11" max="11" width="24.85546875" bestFit="1" customWidth="1"/>
    <col min="12" max="12" width="11.85546875" bestFit="1" customWidth="1"/>
  </cols>
  <sheetData>
    <row r="1" spans="1:12" x14ac:dyDescent="0.25">
      <c r="A1" s="5" t="s">
        <v>184</v>
      </c>
      <c r="K1" s="3"/>
      <c r="L1" s="3"/>
    </row>
    <row r="2" spans="1:12" x14ac:dyDescent="0.25">
      <c r="A2" s="5" t="s">
        <v>181</v>
      </c>
      <c r="K2" s="3"/>
      <c r="L2" s="3"/>
    </row>
    <row r="3" spans="1:12" x14ac:dyDescent="0.25">
      <c r="A3" s="5" t="s">
        <v>182</v>
      </c>
      <c r="K3" s="3"/>
      <c r="L3" s="3"/>
    </row>
    <row r="4" spans="1:12" ht="31.5" customHeight="1" x14ac:dyDescent="0.25">
      <c r="A4" s="45" t="s">
        <v>454</v>
      </c>
      <c r="B4" s="45"/>
      <c r="C4" s="45"/>
      <c r="D4" s="45"/>
      <c r="E4" s="45"/>
      <c r="F4" s="45"/>
      <c r="G4" s="45"/>
      <c r="H4" s="45"/>
      <c r="I4" s="45"/>
      <c r="J4" s="45"/>
      <c r="K4" s="45"/>
      <c r="L4" s="45"/>
    </row>
    <row r="5" spans="1:12" ht="95.25" customHeight="1" x14ac:dyDescent="0.25">
      <c r="A5" s="46" t="s">
        <v>180</v>
      </c>
      <c r="B5" s="46"/>
      <c r="C5" s="46"/>
      <c r="D5" s="46"/>
      <c r="E5" s="46"/>
      <c r="F5" s="46"/>
      <c r="G5" s="46"/>
      <c r="H5" s="46"/>
      <c r="I5" s="46"/>
      <c r="J5" s="46"/>
      <c r="K5" s="46"/>
      <c r="L5" s="46"/>
    </row>
    <row r="6" spans="1:12" s="24" customFormat="1" ht="45" x14ac:dyDescent="0.25">
      <c r="A6" s="29" t="s">
        <v>0</v>
      </c>
      <c r="B6" s="29" t="s">
        <v>1</v>
      </c>
      <c r="C6" s="29" t="s">
        <v>2</v>
      </c>
      <c r="D6" s="29" t="s">
        <v>489</v>
      </c>
      <c r="E6" s="29" t="s">
        <v>487</v>
      </c>
      <c r="F6" s="29" t="s">
        <v>488</v>
      </c>
      <c r="G6" s="29" t="s">
        <v>5</v>
      </c>
      <c r="H6" s="29" t="s">
        <v>6</v>
      </c>
      <c r="I6" s="29" t="s">
        <v>7</v>
      </c>
      <c r="J6" s="29" t="s">
        <v>8</v>
      </c>
      <c r="K6" s="29" t="s">
        <v>9</v>
      </c>
      <c r="L6" s="29" t="s">
        <v>10</v>
      </c>
    </row>
    <row r="7" spans="1:12" s="1" customFormat="1" x14ac:dyDescent="0.25">
      <c r="A7" s="11" t="s">
        <v>455</v>
      </c>
      <c r="B7" s="11" t="s">
        <v>11</v>
      </c>
      <c r="C7" s="11" t="s">
        <v>12</v>
      </c>
      <c r="D7" s="11" t="s">
        <v>484</v>
      </c>
      <c r="E7" s="11" t="s">
        <v>485</v>
      </c>
      <c r="F7" s="11" t="s">
        <v>486</v>
      </c>
      <c r="G7" s="11" t="s">
        <v>45</v>
      </c>
      <c r="H7" s="16">
        <v>0.38240000000000007</v>
      </c>
      <c r="I7" s="11" t="s">
        <v>11</v>
      </c>
      <c r="J7" s="11" t="s">
        <v>11</v>
      </c>
      <c r="K7" s="11" t="s">
        <v>11</v>
      </c>
      <c r="L7" s="11" t="s">
        <v>14</v>
      </c>
    </row>
    <row r="8" spans="1:12" s="1" customFormat="1" x14ac:dyDescent="0.25">
      <c r="A8" s="11" t="s">
        <v>456</v>
      </c>
      <c r="B8" s="11" t="s">
        <v>11</v>
      </c>
      <c r="C8" s="11" t="s">
        <v>12</v>
      </c>
      <c r="D8" s="11" t="s">
        <v>484</v>
      </c>
      <c r="E8" s="11" t="s">
        <v>485</v>
      </c>
      <c r="F8" s="11" t="s">
        <v>486</v>
      </c>
      <c r="G8" s="11" t="s">
        <v>45</v>
      </c>
      <c r="H8" s="16">
        <v>0.33050000000000002</v>
      </c>
      <c r="I8" s="11" t="s">
        <v>11</v>
      </c>
      <c r="J8" s="11" t="s">
        <v>11</v>
      </c>
      <c r="K8" s="11" t="s">
        <v>11</v>
      </c>
      <c r="L8" s="11" t="s">
        <v>14</v>
      </c>
    </row>
    <row r="9" spans="1:12" s="1" customFormat="1" x14ac:dyDescent="0.25">
      <c r="A9" s="11" t="s">
        <v>457</v>
      </c>
      <c r="B9" s="11" t="s">
        <v>11</v>
      </c>
      <c r="C9" s="11" t="s">
        <v>12</v>
      </c>
      <c r="D9" s="11" t="s">
        <v>484</v>
      </c>
      <c r="E9" s="11" t="s">
        <v>485</v>
      </c>
      <c r="F9" s="11" t="s">
        <v>486</v>
      </c>
      <c r="G9" s="11" t="s">
        <v>45</v>
      </c>
      <c r="H9" s="16">
        <v>0.41339999999999999</v>
      </c>
      <c r="I9" s="11" t="s">
        <v>11</v>
      </c>
      <c r="J9" s="11" t="s">
        <v>11</v>
      </c>
      <c r="K9" s="11" t="s">
        <v>11</v>
      </c>
      <c r="L9" s="11" t="s">
        <v>14</v>
      </c>
    </row>
    <row r="10" spans="1:12" s="1" customFormat="1" x14ac:dyDescent="0.25">
      <c r="A10" s="11" t="s">
        <v>458</v>
      </c>
      <c r="B10" s="11" t="s">
        <v>11</v>
      </c>
      <c r="C10" s="11" t="s">
        <v>12</v>
      </c>
      <c r="D10" s="11" t="s">
        <v>484</v>
      </c>
      <c r="E10" s="11" t="s">
        <v>485</v>
      </c>
      <c r="F10" s="11" t="s">
        <v>486</v>
      </c>
      <c r="G10" s="11" t="s">
        <v>45</v>
      </c>
      <c r="H10" s="16">
        <v>0.38240000000000007</v>
      </c>
      <c r="I10" s="11" t="s">
        <v>11</v>
      </c>
      <c r="J10" s="11" t="s">
        <v>11</v>
      </c>
      <c r="K10" s="11" t="s">
        <v>11</v>
      </c>
      <c r="L10" s="11" t="s">
        <v>14</v>
      </c>
    </row>
    <row r="11" spans="1:12" s="1" customFormat="1" x14ac:dyDescent="0.25">
      <c r="A11" s="11" t="s">
        <v>459</v>
      </c>
      <c r="B11" s="11" t="s">
        <v>11</v>
      </c>
      <c r="C11" s="11" t="s">
        <v>12</v>
      </c>
      <c r="D11" s="11" t="s">
        <v>484</v>
      </c>
      <c r="E11" s="11" t="s">
        <v>485</v>
      </c>
      <c r="F11" s="11" t="s">
        <v>486</v>
      </c>
      <c r="G11" s="11" t="s">
        <v>45</v>
      </c>
      <c r="H11" s="16">
        <v>0.33050000000000002</v>
      </c>
      <c r="I11" s="11" t="s">
        <v>11</v>
      </c>
      <c r="J11" s="11" t="s">
        <v>11</v>
      </c>
      <c r="K11" s="11" t="s">
        <v>11</v>
      </c>
      <c r="L11" s="11" t="s">
        <v>14</v>
      </c>
    </row>
    <row r="12" spans="1:12" s="1" customFormat="1" x14ac:dyDescent="0.25">
      <c r="A12" s="11" t="s">
        <v>460</v>
      </c>
      <c r="B12" s="11" t="s">
        <v>11</v>
      </c>
      <c r="C12" s="11" t="s">
        <v>12</v>
      </c>
      <c r="D12" s="11" t="s">
        <v>484</v>
      </c>
      <c r="E12" s="11" t="s">
        <v>485</v>
      </c>
      <c r="F12" s="11" t="s">
        <v>486</v>
      </c>
      <c r="G12" s="11" t="s">
        <v>45</v>
      </c>
      <c r="H12" s="16">
        <v>0.41339999999999999</v>
      </c>
      <c r="I12" s="11" t="s">
        <v>11</v>
      </c>
      <c r="J12" s="11" t="s">
        <v>11</v>
      </c>
      <c r="K12" s="11" t="s">
        <v>11</v>
      </c>
      <c r="L12" s="11" t="s">
        <v>14</v>
      </c>
    </row>
    <row r="13" spans="1:12" s="1" customFormat="1" x14ac:dyDescent="0.25">
      <c r="A13" s="11" t="s">
        <v>461</v>
      </c>
      <c r="B13" s="11" t="s">
        <v>11</v>
      </c>
      <c r="C13" s="11" t="s">
        <v>12</v>
      </c>
      <c r="D13" s="11" t="s">
        <v>484</v>
      </c>
      <c r="E13" s="11" t="s">
        <v>485</v>
      </c>
      <c r="F13" s="11" t="s">
        <v>486</v>
      </c>
      <c r="G13" s="11" t="s">
        <v>45</v>
      </c>
      <c r="H13" s="16">
        <v>0.38240000000000007</v>
      </c>
      <c r="I13" s="11" t="s">
        <v>11</v>
      </c>
      <c r="J13" s="11" t="s">
        <v>11</v>
      </c>
      <c r="K13" s="11" t="s">
        <v>11</v>
      </c>
      <c r="L13" s="11" t="s">
        <v>14</v>
      </c>
    </row>
    <row r="14" spans="1:12" s="1" customFormat="1" x14ac:dyDescent="0.25">
      <c r="A14" s="11" t="s">
        <v>462</v>
      </c>
      <c r="B14" s="11" t="s">
        <v>11</v>
      </c>
      <c r="C14" s="11" t="s">
        <v>12</v>
      </c>
      <c r="D14" s="11" t="s">
        <v>484</v>
      </c>
      <c r="E14" s="11" t="s">
        <v>485</v>
      </c>
      <c r="F14" s="11" t="s">
        <v>486</v>
      </c>
      <c r="G14" s="11" t="s">
        <v>45</v>
      </c>
      <c r="H14" s="16">
        <v>0.33050000000000002</v>
      </c>
      <c r="I14" s="11" t="s">
        <v>11</v>
      </c>
      <c r="J14" s="11" t="s">
        <v>11</v>
      </c>
      <c r="K14" s="11" t="s">
        <v>11</v>
      </c>
      <c r="L14" s="11" t="s">
        <v>14</v>
      </c>
    </row>
    <row r="15" spans="1:12" s="1" customFormat="1" x14ac:dyDescent="0.25">
      <c r="A15" s="11" t="s">
        <v>463</v>
      </c>
      <c r="B15" s="11" t="s">
        <v>11</v>
      </c>
      <c r="C15" s="11" t="s">
        <v>12</v>
      </c>
      <c r="D15" s="11" t="s">
        <v>484</v>
      </c>
      <c r="E15" s="11" t="s">
        <v>485</v>
      </c>
      <c r="F15" s="11" t="s">
        <v>486</v>
      </c>
      <c r="G15" s="11" t="s">
        <v>45</v>
      </c>
      <c r="H15" s="16">
        <v>0.41339999999999999</v>
      </c>
      <c r="I15" s="11" t="s">
        <v>11</v>
      </c>
      <c r="J15" s="11" t="s">
        <v>11</v>
      </c>
      <c r="K15" s="11" t="s">
        <v>11</v>
      </c>
      <c r="L15" s="11" t="s">
        <v>14</v>
      </c>
    </row>
    <row r="16" spans="1:12" s="1" customFormat="1" x14ac:dyDescent="0.25">
      <c r="A16" s="11" t="s">
        <v>464</v>
      </c>
      <c r="B16" s="11" t="s">
        <v>11</v>
      </c>
      <c r="C16" s="11" t="s">
        <v>12</v>
      </c>
      <c r="D16" s="11" t="s">
        <v>484</v>
      </c>
      <c r="E16" s="11" t="s">
        <v>485</v>
      </c>
      <c r="F16" s="11" t="s">
        <v>486</v>
      </c>
      <c r="G16" s="11" t="s">
        <v>45</v>
      </c>
      <c r="H16" s="16">
        <v>0.38240000000000007</v>
      </c>
      <c r="I16" s="11" t="s">
        <v>11</v>
      </c>
      <c r="J16" s="11" t="s">
        <v>11</v>
      </c>
      <c r="K16" s="11" t="s">
        <v>11</v>
      </c>
      <c r="L16" s="11" t="s">
        <v>14</v>
      </c>
    </row>
    <row r="17" spans="1:12" s="1" customFormat="1" x14ac:dyDescent="0.25">
      <c r="A17" s="11" t="s">
        <v>465</v>
      </c>
      <c r="B17" s="11" t="s">
        <v>11</v>
      </c>
      <c r="C17" s="11" t="s">
        <v>12</v>
      </c>
      <c r="D17" s="11" t="s">
        <v>484</v>
      </c>
      <c r="E17" s="11" t="s">
        <v>485</v>
      </c>
      <c r="F17" s="11" t="s">
        <v>486</v>
      </c>
      <c r="G17" s="11" t="s">
        <v>45</v>
      </c>
      <c r="H17" s="16">
        <v>0.33050000000000002</v>
      </c>
      <c r="I17" s="11" t="s">
        <v>11</v>
      </c>
      <c r="J17" s="11" t="s">
        <v>11</v>
      </c>
      <c r="K17" s="11" t="s">
        <v>11</v>
      </c>
      <c r="L17" s="11" t="s">
        <v>14</v>
      </c>
    </row>
    <row r="18" spans="1:12" s="1" customFormat="1" x14ac:dyDescent="0.25">
      <c r="A18" s="11" t="s">
        <v>466</v>
      </c>
      <c r="B18" s="11" t="s">
        <v>11</v>
      </c>
      <c r="C18" s="11" t="s">
        <v>12</v>
      </c>
      <c r="D18" s="11" t="s">
        <v>484</v>
      </c>
      <c r="E18" s="11" t="s">
        <v>485</v>
      </c>
      <c r="F18" s="11" t="s">
        <v>486</v>
      </c>
      <c r="G18" s="11" t="s">
        <v>45</v>
      </c>
      <c r="H18" s="16">
        <v>0.41339999999999999</v>
      </c>
      <c r="I18" s="11" t="s">
        <v>11</v>
      </c>
      <c r="J18" s="11" t="s">
        <v>11</v>
      </c>
      <c r="K18" s="11" t="s">
        <v>11</v>
      </c>
      <c r="L18" s="11" t="s">
        <v>14</v>
      </c>
    </row>
    <row r="19" spans="1:12" s="1" customFormat="1" x14ac:dyDescent="0.25">
      <c r="A19" s="11" t="s">
        <v>467</v>
      </c>
      <c r="B19" s="11" t="s">
        <v>11</v>
      </c>
      <c r="C19" s="11" t="s">
        <v>12</v>
      </c>
      <c r="D19" s="11" t="s">
        <v>484</v>
      </c>
      <c r="E19" s="11" t="s">
        <v>485</v>
      </c>
      <c r="F19" s="11" t="s">
        <v>486</v>
      </c>
      <c r="G19" s="11" t="s">
        <v>45</v>
      </c>
      <c r="H19" s="16">
        <v>0.38240000000000007</v>
      </c>
      <c r="I19" s="11" t="s">
        <v>11</v>
      </c>
      <c r="J19" s="11" t="s">
        <v>11</v>
      </c>
      <c r="K19" s="11" t="s">
        <v>11</v>
      </c>
      <c r="L19" s="11" t="s">
        <v>14</v>
      </c>
    </row>
    <row r="20" spans="1:12" s="1" customFormat="1" x14ac:dyDescent="0.25">
      <c r="A20" s="11" t="s">
        <v>468</v>
      </c>
      <c r="B20" s="11" t="s">
        <v>11</v>
      </c>
      <c r="C20" s="11" t="s">
        <v>12</v>
      </c>
      <c r="D20" s="11" t="s">
        <v>484</v>
      </c>
      <c r="E20" s="11" t="s">
        <v>485</v>
      </c>
      <c r="F20" s="11" t="s">
        <v>486</v>
      </c>
      <c r="G20" s="11" t="s">
        <v>45</v>
      </c>
      <c r="H20" s="16">
        <v>0.33050000000000002</v>
      </c>
      <c r="I20" s="11" t="s">
        <v>11</v>
      </c>
      <c r="J20" s="11" t="s">
        <v>11</v>
      </c>
      <c r="K20" s="11" t="s">
        <v>11</v>
      </c>
      <c r="L20" s="11" t="s">
        <v>14</v>
      </c>
    </row>
    <row r="21" spans="1:12" s="1" customFormat="1" x14ac:dyDescent="0.25">
      <c r="A21" s="11" t="s">
        <v>469</v>
      </c>
      <c r="B21" s="11" t="s">
        <v>11</v>
      </c>
      <c r="C21" s="11" t="s">
        <v>12</v>
      </c>
      <c r="D21" s="11" t="s">
        <v>484</v>
      </c>
      <c r="E21" s="11" t="s">
        <v>485</v>
      </c>
      <c r="F21" s="11" t="s">
        <v>486</v>
      </c>
      <c r="G21" s="11" t="s">
        <v>45</v>
      </c>
      <c r="H21" s="16">
        <v>0.41339999999999999</v>
      </c>
      <c r="I21" s="11" t="s">
        <v>11</v>
      </c>
      <c r="J21" s="11" t="s">
        <v>11</v>
      </c>
      <c r="K21" s="11" t="s">
        <v>11</v>
      </c>
      <c r="L21" s="11" t="s">
        <v>14</v>
      </c>
    </row>
    <row r="22" spans="1:12" s="1" customFormat="1" x14ac:dyDescent="0.25">
      <c r="A22" s="11" t="s">
        <v>470</v>
      </c>
      <c r="B22" s="11" t="s">
        <v>11</v>
      </c>
      <c r="C22" s="11" t="s">
        <v>12</v>
      </c>
      <c r="D22" s="11" t="s">
        <v>484</v>
      </c>
      <c r="E22" s="11" t="s">
        <v>485</v>
      </c>
      <c r="F22" s="11" t="s">
        <v>486</v>
      </c>
      <c r="G22" s="11" t="s">
        <v>45</v>
      </c>
      <c r="H22" s="16">
        <v>0.38240000000000007</v>
      </c>
      <c r="I22" s="11" t="s">
        <v>11</v>
      </c>
      <c r="J22" s="11" t="s">
        <v>11</v>
      </c>
      <c r="K22" s="11" t="s">
        <v>11</v>
      </c>
      <c r="L22" s="11" t="s">
        <v>14</v>
      </c>
    </row>
    <row r="23" spans="1:12" s="1" customFormat="1" x14ac:dyDescent="0.25">
      <c r="A23" s="11" t="s">
        <v>471</v>
      </c>
      <c r="B23" s="11" t="s">
        <v>11</v>
      </c>
      <c r="C23" s="11" t="s">
        <v>12</v>
      </c>
      <c r="D23" s="11" t="s">
        <v>484</v>
      </c>
      <c r="E23" s="11" t="s">
        <v>485</v>
      </c>
      <c r="F23" s="11" t="s">
        <v>486</v>
      </c>
      <c r="G23" s="11" t="s">
        <v>45</v>
      </c>
      <c r="H23" s="16">
        <v>0.33050000000000002</v>
      </c>
      <c r="I23" s="11" t="s">
        <v>11</v>
      </c>
      <c r="J23" s="11" t="s">
        <v>11</v>
      </c>
      <c r="K23" s="11" t="s">
        <v>11</v>
      </c>
      <c r="L23" s="11" t="s">
        <v>14</v>
      </c>
    </row>
    <row r="24" spans="1:12" s="1" customFormat="1" x14ac:dyDescent="0.25">
      <c r="A24" s="11" t="s">
        <v>472</v>
      </c>
      <c r="B24" s="11" t="s">
        <v>11</v>
      </c>
      <c r="C24" s="11" t="s">
        <v>12</v>
      </c>
      <c r="D24" s="11" t="s">
        <v>484</v>
      </c>
      <c r="E24" s="11" t="s">
        <v>485</v>
      </c>
      <c r="F24" s="11" t="s">
        <v>486</v>
      </c>
      <c r="G24" s="11" t="s">
        <v>45</v>
      </c>
      <c r="H24" s="16">
        <v>0.38240000000000007</v>
      </c>
      <c r="I24" s="11" t="s">
        <v>11</v>
      </c>
      <c r="J24" s="11" t="s">
        <v>11</v>
      </c>
      <c r="K24" s="11" t="s">
        <v>11</v>
      </c>
      <c r="L24" s="11" t="s">
        <v>14</v>
      </c>
    </row>
    <row r="25" spans="1:12" s="1" customFormat="1" x14ac:dyDescent="0.25">
      <c r="A25" s="11" t="s">
        <v>473</v>
      </c>
      <c r="B25" s="11" t="s">
        <v>11</v>
      </c>
      <c r="C25" s="11" t="s">
        <v>12</v>
      </c>
      <c r="D25" s="11" t="s">
        <v>484</v>
      </c>
      <c r="E25" s="11" t="s">
        <v>485</v>
      </c>
      <c r="F25" s="11" t="s">
        <v>486</v>
      </c>
      <c r="G25" s="11" t="s">
        <v>45</v>
      </c>
      <c r="H25" s="16">
        <v>0.33050000000000002</v>
      </c>
      <c r="I25" s="11" t="s">
        <v>11</v>
      </c>
      <c r="J25" s="11" t="s">
        <v>11</v>
      </c>
      <c r="K25" s="11" t="s">
        <v>11</v>
      </c>
      <c r="L25" s="11" t="s">
        <v>14</v>
      </c>
    </row>
    <row r="26" spans="1:12" s="1" customFormat="1" x14ac:dyDescent="0.25">
      <c r="A26" s="11" t="s">
        <v>474</v>
      </c>
      <c r="B26" s="11" t="s">
        <v>11</v>
      </c>
      <c r="C26" s="11" t="s">
        <v>12</v>
      </c>
      <c r="D26" s="11" t="s">
        <v>484</v>
      </c>
      <c r="E26" s="11" t="s">
        <v>485</v>
      </c>
      <c r="F26" s="11" t="s">
        <v>486</v>
      </c>
      <c r="G26" s="11" t="s">
        <v>45</v>
      </c>
      <c r="H26" s="16">
        <v>0.38240000000000007</v>
      </c>
      <c r="I26" s="11" t="s">
        <v>11</v>
      </c>
      <c r="J26" s="11" t="s">
        <v>11</v>
      </c>
      <c r="K26" s="11" t="s">
        <v>11</v>
      </c>
      <c r="L26" s="11" t="s">
        <v>14</v>
      </c>
    </row>
    <row r="27" spans="1:12" s="1" customFormat="1" x14ac:dyDescent="0.25">
      <c r="A27" s="11" t="s">
        <v>475</v>
      </c>
      <c r="B27" s="11" t="s">
        <v>11</v>
      </c>
      <c r="C27" s="11" t="s">
        <v>12</v>
      </c>
      <c r="D27" s="11" t="s">
        <v>484</v>
      </c>
      <c r="E27" s="11" t="s">
        <v>485</v>
      </c>
      <c r="F27" s="11" t="s">
        <v>486</v>
      </c>
      <c r="G27" s="11" t="s">
        <v>45</v>
      </c>
      <c r="H27" s="16">
        <v>0.33050000000000002</v>
      </c>
      <c r="I27" s="11" t="s">
        <v>11</v>
      </c>
      <c r="J27" s="11" t="s">
        <v>11</v>
      </c>
      <c r="K27" s="11" t="s">
        <v>11</v>
      </c>
      <c r="L27" s="11" t="s">
        <v>14</v>
      </c>
    </row>
    <row r="28" spans="1:12" s="1" customFormat="1" x14ac:dyDescent="0.25">
      <c r="A28" s="11" t="s">
        <v>476</v>
      </c>
      <c r="B28" s="11" t="s">
        <v>11</v>
      </c>
      <c r="C28" s="11" t="s">
        <v>12</v>
      </c>
      <c r="D28" s="11" t="s">
        <v>484</v>
      </c>
      <c r="E28" s="11" t="s">
        <v>485</v>
      </c>
      <c r="F28" s="11" t="s">
        <v>486</v>
      </c>
      <c r="G28" s="11" t="s">
        <v>45</v>
      </c>
      <c r="H28" s="16">
        <v>0.38240000000000007</v>
      </c>
      <c r="I28" s="11" t="s">
        <v>11</v>
      </c>
      <c r="J28" s="11" t="s">
        <v>11</v>
      </c>
      <c r="K28" s="11" t="s">
        <v>11</v>
      </c>
      <c r="L28" s="11" t="s">
        <v>14</v>
      </c>
    </row>
    <row r="29" spans="1:12" s="1" customFormat="1" x14ac:dyDescent="0.25">
      <c r="A29" s="11" t="s">
        <v>477</v>
      </c>
      <c r="B29" s="11" t="s">
        <v>11</v>
      </c>
      <c r="C29" s="11" t="s">
        <v>12</v>
      </c>
      <c r="D29" s="11" t="s">
        <v>484</v>
      </c>
      <c r="E29" s="11" t="s">
        <v>485</v>
      </c>
      <c r="F29" s="11" t="s">
        <v>486</v>
      </c>
      <c r="G29" s="11" t="s">
        <v>45</v>
      </c>
      <c r="H29" s="16">
        <v>0.33050000000000002</v>
      </c>
      <c r="I29" s="11" t="s">
        <v>11</v>
      </c>
      <c r="J29" s="11" t="s">
        <v>11</v>
      </c>
      <c r="K29" s="11" t="s">
        <v>11</v>
      </c>
      <c r="L29" s="11" t="s">
        <v>14</v>
      </c>
    </row>
    <row r="30" spans="1:12" s="1" customFormat="1" x14ac:dyDescent="0.25">
      <c r="A30" s="11" t="s">
        <v>478</v>
      </c>
      <c r="B30" s="11" t="s">
        <v>11</v>
      </c>
      <c r="C30" s="11" t="s">
        <v>12</v>
      </c>
      <c r="D30" s="11" t="s">
        <v>484</v>
      </c>
      <c r="E30" s="11" t="s">
        <v>485</v>
      </c>
      <c r="F30" s="11" t="s">
        <v>486</v>
      </c>
      <c r="G30" s="11" t="s">
        <v>45</v>
      </c>
      <c r="H30" s="16">
        <v>0.41339999999999999</v>
      </c>
      <c r="I30" s="11" t="s">
        <v>11</v>
      </c>
      <c r="J30" s="11" t="s">
        <v>11</v>
      </c>
      <c r="K30" s="11" t="s">
        <v>11</v>
      </c>
      <c r="L30" s="11" t="s">
        <v>14</v>
      </c>
    </row>
    <row r="31" spans="1:12" s="1" customFormat="1" x14ac:dyDescent="0.25">
      <c r="A31" s="11" t="s">
        <v>479</v>
      </c>
      <c r="B31" s="11" t="s">
        <v>11</v>
      </c>
      <c r="C31" s="11" t="s">
        <v>12</v>
      </c>
      <c r="D31" s="11" t="s">
        <v>484</v>
      </c>
      <c r="E31" s="11" t="s">
        <v>485</v>
      </c>
      <c r="F31" s="11" t="s">
        <v>486</v>
      </c>
      <c r="G31" s="11" t="s">
        <v>45</v>
      </c>
      <c r="H31" s="16">
        <v>0.41339999999999999</v>
      </c>
      <c r="I31" s="11" t="s">
        <v>11</v>
      </c>
      <c r="J31" s="11" t="s">
        <v>11</v>
      </c>
      <c r="K31" s="11" t="s">
        <v>11</v>
      </c>
      <c r="L31" s="11" t="s">
        <v>14</v>
      </c>
    </row>
    <row r="32" spans="1:12" s="1" customFormat="1" x14ac:dyDescent="0.25">
      <c r="A32" s="11" t="s">
        <v>480</v>
      </c>
      <c r="B32" s="11" t="s">
        <v>11</v>
      </c>
      <c r="C32" s="11" t="s">
        <v>12</v>
      </c>
      <c r="D32" s="11" t="s">
        <v>484</v>
      </c>
      <c r="E32" s="11" t="s">
        <v>485</v>
      </c>
      <c r="F32" s="11" t="s">
        <v>486</v>
      </c>
      <c r="G32" s="11" t="s">
        <v>45</v>
      </c>
      <c r="H32" s="16">
        <v>0.41339999999999999</v>
      </c>
      <c r="I32" s="11" t="s">
        <v>11</v>
      </c>
      <c r="J32" s="11" t="s">
        <v>11</v>
      </c>
      <c r="K32" s="11" t="s">
        <v>11</v>
      </c>
      <c r="L32" s="11" t="s">
        <v>14</v>
      </c>
    </row>
    <row r="33" spans="1:12" s="1" customFormat="1" x14ac:dyDescent="0.25">
      <c r="A33" s="11" t="s">
        <v>481</v>
      </c>
      <c r="B33" s="11" t="s">
        <v>11</v>
      </c>
      <c r="C33" s="11" t="s">
        <v>12</v>
      </c>
      <c r="D33" s="11" t="s">
        <v>484</v>
      </c>
      <c r="E33" s="11" t="s">
        <v>485</v>
      </c>
      <c r="F33" s="11" t="s">
        <v>486</v>
      </c>
      <c r="G33" s="11" t="s">
        <v>45</v>
      </c>
      <c r="H33" s="16">
        <v>0.41339999999999999</v>
      </c>
      <c r="I33" s="11" t="s">
        <v>11</v>
      </c>
      <c r="J33" s="11" t="s">
        <v>11</v>
      </c>
      <c r="K33" s="11" t="s">
        <v>11</v>
      </c>
      <c r="L33" s="11" t="s">
        <v>14</v>
      </c>
    </row>
    <row r="34" spans="1:12" s="1" customFormat="1" x14ac:dyDescent="0.25">
      <c r="A34" s="11" t="s">
        <v>482</v>
      </c>
      <c r="B34" s="11" t="s">
        <v>11</v>
      </c>
      <c r="C34" s="11" t="s">
        <v>12</v>
      </c>
      <c r="D34" s="11" t="s">
        <v>484</v>
      </c>
      <c r="E34" s="11" t="s">
        <v>485</v>
      </c>
      <c r="F34" s="11" t="s">
        <v>486</v>
      </c>
      <c r="G34" s="11" t="s">
        <v>45</v>
      </c>
      <c r="H34" s="16">
        <v>0.41339999999999999</v>
      </c>
      <c r="I34" s="11" t="s">
        <v>11</v>
      </c>
      <c r="J34" s="11" t="s">
        <v>11</v>
      </c>
      <c r="K34" s="11" t="s">
        <v>11</v>
      </c>
      <c r="L34" s="11" t="s">
        <v>14</v>
      </c>
    </row>
    <row r="35" spans="1:12" s="1" customFormat="1" x14ac:dyDescent="0.25">
      <c r="A35" s="11" t="s">
        <v>483</v>
      </c>
      <c r="B35" s="11" t="s">
        <v>11</v>
      </c>
      <c r="C35" s="11" t="s">
        <v>12</v>
      </c>
      <c r="D35" s="11" t="s">
        <v>484</v>
      </c>
      <c r="E35" s="11" t="s">
        <v>485</v>
      </c>
      <c r="F35" s="11" t="s">
        <v>486</v>
      </c>
      <c r="G35" s="11" t="s">
        <v>45</v>
      </c>
      <c r="H35" s="16">
        <v>0.41339999999999999</v>
      </c>
      <c r="I35" s="11" t="s">
        <v>11</v>
      </c>
      <c r="J35" s="11" t="s">
        <v>11</v>
      </c>
      <c r="K35" s="11" t="s">
        <v>11</v>
      </c>
      <c r="L35" s="11" t="s">
        <v>14</v>
      </c>
    </row>
  </sheetData>
  <mergeCells count="2">
    <mergeCell ref="A4:L4"/>
    <mergeCell ref="A5:L5"/>
  </mergeCells>
  <pageMargins left="0.511811024" right="0.511811024" top="0.78740157499999996" bottom="0.78740157499999996" header="0.31496062000000002" footer="0.3149606200000000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0"/>
  <sheetViews>
    <sheetView workbookViewId="0"/>
  </sheetViews>
  <sheetFormatPr defaultRowHeight="15" x14ac:dyDescent="0.25"/>
  <cols>
    <col min="2" max="2" width="9.42578125" bestFit="1" customWidth="1"/>
    <col min="3" max="3" width="10.42578125" bestFit="1" customWidth="1"/>
    <col min="4" max="4" width="28.140625" bestFit="1" customWidth="1"/>
    <col min="5" max="5" width="43.5703125" bestFit="1" customWidth="1"/>
    <col min="6" max="6" width="8.14062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452</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22" customFormat="1" x14ac:dyDescent="0.25">
      <c r="A6" s="28" t="s">
        <v>0</v>
      </c>
      <c r="B6" s="28" t="s">
        <v>1</v>
      </c>
      <c r="C6" s="28" t="s">
        <v>2</v>
      </c>
      <c r="D6" s="28" t="s">
        <v>47</v>
      </c>
      <c r="E6" s="28" t="s">
        <v>5</v>
      </c>
      <c r="F6" s="28" t="s">
        <v>6</v>
      </c>
      <c r="G6" s="28" t="s">
        <v>7</v>
      </c>
      <c r="H6" s="28" t="s">
        <v>8</v>
      </c>
      <c r="I6" s="28" t="s">
        <v>9</v>
      </c>
      <c r="J6" s="28" t="s">
        <v>10</v>
      </c>
    </row>
    <row r="7" spans="1:10" s="1" customFormat="1" x14ac:dyDescent="0.25">
      <c r="A7" s="11" t="s">
        <v>438</v>
      </c>
      <c r="B7" s="11" t="s">
        <v>11</v>
      </c>
      <c r="C7" s="11" t="s">
        <v>12</v>
      </c>
      <c r="D7" s="11" t="s">
        <v>453</v>
      </c>
      <c r="E7" s="11" t="s">
        <v>45</v>
      </c>
      <c r="F7" s="16">
        <v>0.53509999999999991</v>
      </c>
      <c r="G7" s="11" t="s">
        <v>11</v>
      </c>
      <c r="H7" s="11" t="s">
        <v>11</v>
      </c>
      <c r="I7" s="11" t="s">
        <v>11</v>
      </c>
      <c r="J7" s="11" t="s">
        <v>14</v>
      </c>
    </row>
    <row r="8" spans="1:10" s="1" customFormat="1" x14ac:dyDescent="0.25">
      <c r="A8" s="11" t="s">
        <v>439</v>
      </c>
      <c r="B8" s="11" t="s">
        <v>11</v>
      </c>
      <c r="C8" s="11" t="s">
        <v>12</v>
      </c>
      <c r="D8" s="11" t="s">
        <v>453</v>
      </c>
      <c r="E8" s="11" t="s">
        <v>45</v>
      </c>
      <c r="F8" s="16">
        <v>0.42799999999999994</v>
      </c>
      <c r="G8" s="11" t="s">
        <v>11</v>
      </c>
      <c r="H8" s="11" t="s">
        <v>11</v>
      </c>
      <c r="I8" s="11" t="s">
        <v>11</v>
      </c>
      <c r="J8" s="11" t="s">
        <v>14</v>
      </c>
    </row>
    <row r="9" spans="1:10" s="1" customFormat="1" x14ac:dyDescent="0.25">
      <c r="A9" s="11" t="s">
        <v>440</v>
      </c>
      <c r="B9" s="11" t="s">
        <v>11</v>
      </c>
      <c r="C9" s="11" t="s">
        <v>12</v>
      </c>
      <c r="D9" s="11" t="s">
        <v>453</v>
      </c>
      <c r="E9" s="11" t="s">
        <v>45</v>
      </c>
      <c r="F9" s="16">
        <v>0.70459999999999989</v>
      </c>
      <c r="G9" s="11" t="s">
        <v>11</v>
      </c>
      <c r="H9" s="11" t="s">
        <v>11</v>
      </c>
      <c r="I9" s="11" t="s">
        <v>11</v>
      </c>
      <c r="J9" s="11" t="s">
        <v>14</v>
      </c>
    </row>
    <row r="10" spans="1:10" s="1" customFormat="1" x14ac:dyDescent="0.25">
      <c r="A10" s="11" t="s">
        <v>441</v>
      </c>
      <c r="B10" s="11" t="s">
        <v>11</v>
      </c>
      <c r="C10" s="11" t="s">
        <v>12</v>
      </c>
      <c r="D10" s="11" t="s">
        <v>453</v>
      </c>
      <c r="E10" s="11" t="s">
        <v>45</v>
      </c>
      <c r="F10" s="16">
        <v>0.37999999999999989</v>
      </c>
      <c r="G10" s="11" t="s">
        <v>11</v>
      </c>
      <c r="H10" s="11" t="s">
        <v>11</v>
      </c>
      <c r="I10" s="11" t="s">
        <v>11</v>
      </c>
      <c r="J10" s="11" t="s">
        <v>14</v>
      </c>
    </row>
    <row r="11" spans="1:10" s="1" customFormat="1" x14ac:dyDescent="0.25">
      <c r="A11" s="11" t="s">
        <v>442</v>
      </c>
      <c r="B11" s="11" t="s">
        <v>11</v>
      </c>
      <c r="C11" s="11" t="s">
        <v>12</v>
      </c>
      <c r="D11" s="11" t="s">
        <v>453</v>
      </c>
      <c r="E11" s="11" t="s">
        <v>45</v>
      </c>
      <c r="F11" s="16">
        <v>0.5</v>
      </c>
      <c r="G11" s="11" t="s">
        <v>11</v>
      </c>
      <c r="H11" s="11" t="s">
        <v>11</v>
      </c>
      <c r="I11" s="11" t="s">
        <v>11</v>
      </c>
      <c r="J11" s="11" t="s">
        <v>14</v>
      </c>
    </row>
    <row r="12" spans="1:10" s="1" customFormat="1" x14ac:dyDescent="0.25">
      <c r="A12" s="11" t="s">
        <v>443</v>
      </c>
      <c r="B12" s="11" t="s">
        <v>11</v>
      </c>
      <c r="C12" s="11" t="s">
        <v>12</v>
      </c>
      <c r="D12" s="11" t="s">
        <v>453</v>
      </c>
      <c r="E12" s="11" t="s">
        <v>45</v>
      </c>
      <c r="F12" s="16">
        <v>0.5</v>
      </c>
      <c r="G12" s="11" t="s">
        <v>11</v>
      </c>
      <c r="H12" s="11" t="s">
        <v>11</v>
      </c>
      <c r="I12" s="11" t="s">
        <v>11</v>
      </c>
      <c r="J12" s="11" t="s">
        <v>14</v>
      </c>
    </row>
    <row r="13" spans="1:10" s="1" customFormat="1" x14ac:dyDescent="0.25">
      <c r="A13" s="11" t="s">
        <v>444</v>
      </c>
      <c r="B13" s="11" t="s">
        <v>11</v>
      </c>
      <c r="C13" s="11" t="s">
        <v>12</v>
      </c>
      <c r="D13" s="11" t="s">
        <v>453</v>
      </c>
      <c r="E13" s="11" t="s">
        <v>45</v>
      </c>
      <c r="F13" s="16">
        <v>0.5</v>
      </c>
      <c r="G13" s="11" t="s">
        <v>11</v>
      </c>
      <c r="H13" s="11" t="s">
        <v>11</v>
      </c>
      <c r="I13" s="11" t="s">
        <v>11</v>
      </c>
      <c r="J13" s="11" t="s">
        <v>14</v>
      </c>
    </row>
    <row r="14" spans="1:10" s="1" customFormat="1" x14ac:dyDescent="0.25">
      <c r="A14" s="11" t="s">
        <v>445</v>
      </c>
      <c r="B14" s="11" t="s">
        <v>11</v>
      </c>
      <c r="C14" s="11" t="s">
        <v>12</v>
      </c>
      <c r="D14" s="11" t="s">
        <v>453</v>
      </c>
      <c r="E14" s="11" t="s">
        <v>45</v>
      </c>
      <c r="F14" s="16">
        <v>0.81329999999999991</v>
      </c>
      <c r="G14" s="11" t="s">
        <v>11</v>
      </c>
      <c r="H14" s="11" t="s">
        <v>11</v>
      </c>
      <c r="I14" s="11" t="s">
        <v>11</v>
      </c>
      <c r="J14" s="11" t="s">
        <v>14</v>
      </c>
    </row>
    <row r="15" spans="1:10" s="1" customFormat="1" x14ac:dyDescent="0.25">
      <c r="A15" s="11" t="s">
        <v>446</v>
      </c>
      <c r="B15" s="11" t="s">
        <v>11</v>
      </c>
      <c r="C15" s="11" t="s">
        <v>12</v>
      </c>
      <c r="D15" s="11" t="s">
        <v>453</v>
      </c>
      <c r="E15" s="11" t="s">
        <v>45</v>
      </c>
      <c r="F15" s="16">
        <v>0.81329999999999991</v>
      </c>
      <c r="G15" s="11" t="s">
        <v>11</v>
      </c>
      <c r="H15" s="11" t="s">
        <v>11</v>
      </c>
      <c r="I15" s="11" t="s">
        <v>11</v>
      </c>
      <c r="J15" s="11" t="s">
        <v>14</v>
      </c>
    </row>
    <row r="16" spans="1:10" s="1" customFormat="1" x14ac:dyDescent="0.25">
      <c r="A16" s="11" t="s">
        <v>447</v>
      </c>
      <c r="B16" s="11" t="s">
        <v>11</v>
      </c>
      <c r="C16" s="11" t="s">
        <v>12</v>
      </c>
      <c r="D16" s="11" t="s">
        <v>453</v>
      </c>
      <c r="E16" s="11" t="s">
        <v>45</v>
      </c>
      <c r="F16" s="16">
        <v>0.81329999999999991</v>
      </c>
      <c r="G16" s="11" t="s">
        <v>11</v>
      </c>
      <c r="H16" s="11" t="s">
        <v>11</v>
      </c>
      <c r="I16" s="11" t="s">
        <v>11</v>
      </c>
      <c r="J16" s="11" t="s">
        <v>14</v>
      </c>
    </row>
    <row r="17" spans="1:10" s="1" customFormat="1" x14ac:dyDescent="0.25">
      <c r="A17" s="11" t="s">
        <v>448</v>
      </c>
      <c r="B17" s="11" t="s">
        <v>11</v>
      </c>
      <c r="C17" s="11" t="s">
        <v>12</v>
      </c>
      <c r="D17" s="11" t="s">
        <v>453</v>
      </c>
      <c r="E17" s="11" t="s">
        <v>45</v>
      </c>
      <c r="F17" s="16">
        <v>0.89000000000000012</v>
      </c>
      <c r="G17" s="11" t="s">
        <v>11</v>
      </c>
      <c r="H17" s="11" t="s">
        <v>11</v>
      </c>
      <c r="I17" s="11" t="s">
        <v>11</v>
      </c>
      <c r="J17" s="11" t="s">
        <v>14</v>
      </c>
    </row>
    <row r="18" spans="1:10" s="1" customFormat="1" x14ac:dyDescent="0.25">
      <c r="A18" s="11" t="s">
        <v>449</v>
      </c>
      <c r="B18" s="11" t="s">
        <v>11</v>
      </c>
      <c r="C18" s="11" t="s">
        <v>12</v>
      </c>
      <c r="D18" s="11" t="s">
        <v>453</v>
      </c>
      <c r="E18" s="11" t="s">
        <v>45</v>
      </c>
      <c r="F18" s="16">
        <v>0.91999999999999993</v>
      </c>
      <c r="G18" s="11" t="s">
        <v>11</v>
      </c>
      <c r="H18" s="11" t="s">
        <v>11</v>
      </c>
      <c r="I18" s="11" t="s">
        <v>11</v>
      </c>
      <c r="J18" s="11" t="s">
        <v>14</v>
      </c>
    </row>
    <row r="19" spans="1:10" s="1" customFormat="1" x14ac:dyDescent="0.25">
      <c r="A19" s="11" t="s">
        <v>450</v>
      </c>
      <c r="B19" s="11" t="s">
        <v>11</v>
      </c>
      <c r="C19" s="11" t="s">
        <v>12</v>
      </c>
      <c r="D19" s="11" t="s">
        <v>453</v>
      </c>
      <c r="E19" s="11" t="s">
        <v>45</v>
      </c>
      <c r="F19" s="16">
        <v>1.27</v>
      </c>
      <c r="G19" s="11" t="s">
        <v>11</v>
      </c>
      <c r="H19" s="11" t="s">
        <v>11</v>
      </c>
      <c r="I19" s="11" t="s">
        <v>11</v>
      </c>
      <c r="J19" s="11" t="s">
        <v>14</v>
      </c>
    </row>
    <row r="20" spans="1:10" s="1" customFormat="1" x14ac:dyDescent="0.25">
      <c r="A20" s="11" t="s">
        <v>451</v>
      </c>
      <c r="B20" s="11" t="s">
        <v>11</v>
      </c>
      <c r="C20" s="11" t="s">
        <v>12</v>
      </c>
      <c r="D20" s="11" t="s">
        <v>453</v>
      </c>
      <c r="E20" s="11" t="s">
        <v>45</v>
      </c>
      <c r="F20" s="16">
        <v>0.5</v>
      </c>
      <c r="G20" s="11" t="s">
        <v>11</v>
      </c>
      <c r="H20" s="11" t="s">
        <v>11</v>
      </c>
      <c r="I20" s="11" t="s">
        <v>11</v>
      </c>
      <c r="J20" s="11" t="s">
        <v>14</v>
      </c>
    </row>
  </sheetData>
  <mergeCells count="2">
    <mergeCell ref="A4:J4"/>
    <mergeCell ref="A5:J5"/>
  </mergeCells>
  <pageMargins left="0.511811024" right="0.511811024" top="0.78740157499999996" bottom="0.78740157499999996" header="0.31496062000000002" footer="0.3149606200000000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6"/>
  <sheetViews>
    <sheetView workbookViewId="0"/>
  </sheetViews>
  <sheetFormatPr defaultRowHeight="15" x14ac:dyDescent="0.25"/>
  <cols>
    <col min="3" max="3" width="10.42578125" bestFit="1" customWidth="1"/>
    <col min="4" max="4" width="15.140625" bestFit="1" customWidth="1"/>
    <col min="5" max="5" width="34.85546875" bestFit="1" customWidth="1"/>
    <col min="6" max="6" width="43.5703125" bestFit="1" customWidth="1"/>
    <col min="7" max="7" width="7.7109375" bestFit="1" customWidth="1"/>
    <col min="8" max="8" width="16.5703125" bestFit="1" customWidth="1"/>
    <col min="9" max="9" width="4.28515625" bestFit="1" customWidth="1"/>
    <col min="10" max="10" width="24.85546875" bestFit="1" customWidth="1"/>
    <col min="11" max="11" width="11.85546875" bestFit="1" customWidth="1"/>
  </cols>
  <sheetData>
    <row r="1" spans="1:11" x14ac:dyDescent="0.25">
      <c r="A1" s="5" t="s">
        <v>184</v>
      </c>
      <c r="J1" s="3"/>
      <c r="K1" s="3"/>
    </row>
    <row r="2" spans="1:11" x14ac:dyDescent="0.25">
      <c r="A2" s="5" t="s">
        <v>181</v>
      </c>
      <c r="J2" s="3"/>
      <c r="K2" s="3"/>
    </row>
    <row r="3" spans="1:11" x14ac:dyDescent="0.25">
      <c r="A3" s="5" t="s">
        <v>182</v>
      </c>
      <c r="J3" s="3"/>
      <c r="K3" s="3"/>
    </row>
    <row r="4" spans="1:11" x14ac:dyDescent="0.25">
      <c r="A4" s="45" t="s">
        <v>437</v>
      </c>
      <c r="B4" s="45"/>
      <c r="C4" s="45"/>
      <c r="D4" s="45"/>
      <c r="E4" s="45"/>
      <c r="F4" s="45"/>
      <c r="G4" s="45"/>
      <c r="H4" s="45"/>
      <c r="I4" s="45"/>
      <c r="J4" s="45"/>
      <c r="K4" s="45"/>
    </row>
    <row r="5" spans="1:11" ht="95.25" customHeight="1" x14ac:dyDescent="0.25">
      <c r="A5" s="46" t="s">
        <v>180</v>
      </c>
      <c r="B5" s="46"/>
      <c r="C5" s="46"/>
      <c r="D5" s="46"/>
      <c r="E5" s="46"/>
      <c r="F5" s="46"/>
      <c r="G5" s="46"/>
      <c r="H5" s="46"/>
      <c r="I5" s="46"/>
      <c r="J5" s="46"/>
      <c r="K5" s="46"/>
    </row>
    <row r="6" spans="1:11" s="24" customFormat="1" ht="30" x14ac:dyDescent="0.25">
      <c r="A6" s="29" t="s">
        <v>0</v>
      </c>
      <c r="B6" s="29" t="s">
        <v>1</v>
      </c>
      <c r="C6" s="29" t="s">
        <v>2</v>
      </c>
      <c r="D6" s="29" t="s">
        <v>435</v>
      </c>
      <c r="E6" s="29" t="s">
        <v>47</v>
      </c>
      <c r="F6" s="29" t="s">
        <v>5</v>
      </c>
      <c r="G6" s="29" t="s">
        <v>6</v>
      </c>
      <c r="H6" s="29" t="s">
        <v>7</v>
      </c>
      <c r="I6" s="29" t="s">
        <v>8</v>
      </c>
      <c r="J6" s="29" t="s">
        <v>9</v>
      </c>
      <c r="K6" s="29" t="s">
        <v>10</v>
      </c>
    </row>
    <row r="7" spans="1:11" s="1" customFormat="1" x14ac:dyDescent="0.25">
      <c r="A7" s="11" t="s">
        <v>424</v>
      </c>
      <c r="B7" s="11" t="s">
        <v>11</v>
      </c>
      <c r="C7" s="11" t="s">
        <v>12</v>
      </c>
      <c r="D7" s="11" t="s">
        <v>434</v>
      </c>
      <c r="E7" s="11" t="s">
        <v>11</v>
      </c>
      <c r="F7" s="11" t="s">
        <v>45</v>
      </c>
      <c r="G7" s="16">
        <v>0.41999999999999993</v>
      </c>
      <c r="H7" s="11" t="s">
        <v>11</v>
      </c>
      <c r="I7" s="11" t="s">
        <v>11</v>
      </c>
      <c r="J7" s="11" t="s">
        <v>11</v>
      </c>
      <c r="K7" s="11" t="s">
        <v>14</v>
      </c>
    </row>
    <row r="8" spans="1:11" s="1" customFormat="1" x14ac:dyDescent="0.25">
      <c r="A8" s="11" t="s">
        <v>425</v>
      </c>
      <c r="B8" s="11" t="s">
        <v>11</v>
      </c>
      <c r="C8" s="11" t="s">
        <v>12</v>
      </c>
      <c r="D8" s="11" t="s">
        <v>434</v>
      </c>
      <c r="E8" s="11" t="s">
        <v>11</v>
      </c>
      <c r="F8" s="11" t="s">
        <v>45</v>
      </c>
      <c r="G8" s="16">
        <v>0.32000000000000006</v>
      </c>
      <c r="H8" s="11" t="s">
        <v>11</v>
      </c>
      <c r="I8" s="11" t="s">
        <v>11</v>
      </c>
      <c r="J8" s="11" t="s">
        <v>11</v>
      </c>
      <c r="K8" s="11" t="s">
        <v>14</v>
      </c>
    </row>
    <row r="9" spans="1:11" s="1" customFormat="1" x14ac:dyDescent="0.25">
      <c r="A9" s="11" t="s">
        <v>426</v>
      </c>
      <c r="B9" s="11" t="s">
        <v>11</v>
      </c>
      <c r="C9" s="11" t="s">
        <v>12</v>
      </c>
      <c r="D9" s="11" t="s">
        <v>434</v>
      </c>
      <c r="E9" s="11" t="s">
        <v>11</v>
      </c>
      <c r="F9" s="11" t="s">
        <v>45</v>
      </c>
      <c r="G9" s="16">
        <v>0.60000000000000009</v>
      </c>
      <c r="H9" s="11" t="s">
        <v>11</v>
      </c>
      <c r="I9" s="11" t="s">
        <v>11</v>
      </c>
      <c r="J9" s="11" t="s">
        <v>11</v>
      </c>
      <c r="K9" s="11" t="s">
        <v>14</v>
      </c>
    </row>
    <row r="10" spans="1:11" s="1" customFormat="1" x14ac:dyDescent="0.25">
      <c r="A10" s="11" t="s">
        <v>427</v>
      </c>
      <c r="B10" s="11" t="s">
        <v>11</v>
      </c>
      <c r="C10" s="11" t="s">
        <v>12</v>
      </c>
      <c r="D10" s="11" t="s">
        <v>434</v>
      </c>
      <c r="E10" s="11" t="s">
        <v>11</v>
      </c>
      <c r="F10" s="11" t="s">
        <v>45</v>
      </c>
      <c r="G10" s="16">
        <v>0.44999999999999996</v>
      </c>
      <c r="H10" s="11" t="s">
        <v>11</v>
      </c>
      <c r="I10" s="11" t="s">
        <v>11</v>
      </c>
      <c r="J10" s="11" t="s">
        <v>11</v>
      </c>
      <c r="K10" s="11" t="s">
        <v>14</v>
      </c>
    </row>
    <row r="11" spans="1:11" s="1" customFormat="1" x14ac:dyDescent="0.25">
      <c r="A11" s="11" t="s">
        <v>428</v>
      </c>
      <c r="B11" s="11" t="s">
        <v>11</v>
      </c>
      <c r="C11" s="11" t="s">
        <v>12</v>
      </c>
      <c r="D11" s="11" t="s">
        <v>11</v>
      </c>
      <c r="E11" s="11" t="s">
        <v>436</v>
      </c>
      <c r="F11" s="11" t="s">
        <v>45</v>
      </c>
      <c r="G11" s="16">
        <v>0.44999999999999996</v>
      </c>
      <c r="H11" s="11" t="s">
        <v>11</v>
      </c>
      <c r="I11" s="11" t="s">
        <v>11</v>
      </c>
      <c r="J11" s="11" t="s">
        <v>11</v>
      </c>
      <c r="K11" s="11" t="s">
        <v>14</v>
      </c>
    </row>
    <row r="12" spans="1:11" s="1" customFormat="1" x14ac:dyDescent="0.25">
      <c r="A12" s="11" t="s">
        <v>429</v>
      </c>
      <c r="B12" s="11" t="s">
        <v>11</v>
      </c>
      <c r="C12" s="11" t="s">
        <v>12</v>
      </c>
      <c r="D12" s="11" t="s">
        <v>11</v>
      </c>
      <c r="E12" s="11" t="s">
        <v>436</v>
      </c>
      <c r="F12" s="11" t="s">
        <v>45</v>
      </c>
      <c r="G12" s="16">
        <v>0.44999999999999996</v>
      </c>
      <c r="H12" s="11" t="s">
        <v>11</v>
      </c>
      <c r="I12" s="11" t="s">
        <v>11</v>
      </c>
      <c r="J12" s="11" t="s">
        <v>11</v>
      </c>
      <c r="K12" s="11" t="s">
        <v>14</v>
      </c>
    </row>
    <row r="13" spans="1:11" s="1" customFormat="1" x14ac:dyDescent="0.25">
      <c r="A13" s="11" t="s">
        <v>430</v>
      </c>
      <c r="B13" s="11" t="s">
        <v>11</v>
      </c>
      <c r="C13" s="11" t="s">
        <v>12</v>
      </c>
      <c r="D13" s="11" t="s">
        <v>434</v>
      </c>
      <c r="E13" s="11" t="s">
        <v>11</v>
      </c>
      <c r="F13" s="11" t="s">
        <v>45</v>
      </c>
      <c r="G13" s="16">
        <v>0.44999999999999996</v>
      </c>
      <c r="H13" s="11" t="s">
        <v>11</v>
      </c>
      <c r="I13" s="11" t="s">
        <v>11</v>
      </c>
      <c r="J13" s="11" t="s">
        <v>11</v>
      </c>
      <c r="K13" s="11" t="s">
        <v>14</v>
      </c>
    </row>
    <row r="14" spans="1:11" s="1" customFormat="1" x14ac:dyDescent="0.25">
      <c r="A14" s="11" t="s">
        <v>431</v>
      </c>
      <c r="B14" s="11" t="s">
        <v>11</v>
      </c>
      <c r="C14" s="11" t="s">
        <v>12</v>
      </c>
      <c r="D14" s="11" t="s">
        <v>11</v>
      </c>
      <c r="E14" s="11" t="s">
        <v>436</v>
      </c>
      <c r="F14" s="11" t="s">
        <v>45</v>
      </c>
      <c r="G14" s="16">
        <v>0.44999999999999996</v>
      </c>
      <c r="H14" s="11" t="s">
        <v>11</v>
      </c>
      <c r="I14" s="11" t="s">
        <v>11</v>
      </c>
      <c r="J14" s="11" t="s">
        <v>11</v>
      </c>
      <c r="K14" s="11" t="s">
        <v>14</v>
      </c>
    </row>
    <row r="15" spans="1:11" s="1" customFormat="1" x14ac:dyDescent="0.25">
      <c r="A15" s="11" t="s">
        <v>432</v>
      </c>
      <c r="B15" s="11" t="s">
        <v>11</v>
      </c>
      <c r="C15" s="11" t="s">
        <v>12</v>
      </c>
      <c r="D15" s="11" t="s">
        <v>434</v>
      </c>
      <c r="E15" s="11" t="s">
        <v>11</v>
      </c>
      <c r="F15" s="11" t="s">
        <v>45</v>
      </c>
      <c r="G15" s="16">
        <v>0.44999999999999996</v>
      </c>
      <c r="H15" s="11" t="s">
        <v>11</v>
      </c>
      <c r="I15" s="11" t="s">
        <v>11</v>
      </c>
      <c r="J15" s="11" t="s">
        <v>11</v>
      </c>
      <c r="K15" s="11" t="s">
        <v>14</v>
      </c>
    </row>
    <row r="16" spans="1:11" s="1" customFormat="1" x14ac:dyDescent="0.25">
      <c r="A16" s="11" t="s">
        <v>433</v>
      </c>
      <c r="B16" s="11" t="s">
        <v>11</v>
      </c>
      <c r="C16" s="11" t="s">
        <v>12</v>
      </c>
      <c r="D16" s="11" t="s">
        <v>11</v>
      </c>
      <c r="E16" s="11" t="s">
        <v>436</v>
      </c>
      <c r="F16" s="11" t="s">
        <v>45</v>
      </c>
      <c r="G16" s="16">
        <v>0.44999999999999996</v>
      </c>
      <c r="H16" s="11" t="s">
        <v>11</v>
      </c>
      <c r="I16" s="11" t="s">
        <v>11</v>
      </c>
      <c r="J16" s="11" t="s">
        <v>11</v>
      </c>
      <c r="K16" s="11" t="s">
        <v>14</v>
      </c>
    </row>
  </sheetData>
  <mergeCells count="2">
    <mergeCell ref="A4:K4"/>
    <mergeCell ref="A5:K5"/>
  </mergeCells>
  <pageMargins left="0.511811024" right="0.511811024" top="0.78740157499999996" bottom="0.78740157499999996" header="0.31496062000000002" footer="0.3149606200000000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8"/>
  <sheetViews>
    <sheetView workbookViewId="0"/>
  </sheetViews>
  <sheetFormatPr defaultRowHeight="15" x14ac:dyDescent="0.25"/>
  <cols>
    <col min="2" max="2" width="9.42578125" bestFit="1" customWidth="1"/>
    <col min="3" max="3" width="10.42578125" bestFit="1" customWidth="1"/>
    <col min="4" max="4" width="27.7109375" bestFit="1" customWidth="1"/>
    <col min="5" max="5" width="43.5703125" bestFit="1" customWidth="1"/>
    <col min="6" max="6" width="8.14062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721</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47" customFormat="1" x14ac:dyDescent="0.25">
      <c r="A6" s="48" t="s">
        <v>0</v>
      </c>
      <c r="B6" s="48" t="s">
        <v>1</v>
      </c>
      <c r="C6" s="48" t="s">
        <v>2</v>
      </c>
      <c r="D6" s="48" t="s">
        <v>47</v>
      </c>
      <c r="E6" s="48" t="s">
        <v>5</v>
      </c>
      <c r="F6" s="48" t="s">
        <v>6</v>
      </c>
      <c r="G6" s="48" t="s">
        <v>7</v>
      </c>
      <c r="H6" s="48" t="s">
        <v>8</v>
      </c>
      <c r="I6" s="48" t="s">
        <v>9</v>
      </c>
      <c r="J6" s="48" t="s">
        <v>10</v>
      </c>
    </row>
    <row r="7" spans="1:10" x14ac:dyDescent="0.25">
      <c r="A7" s="11" t="s">
        <v>490</v>
      </c>
      <c r="B7" s="11" t="s">
        <v>11</v>
      </c>
      <c r="C7" s="11" t="s">
        <v>12</v>
      </c>
      <c r="D7" s="11" t="s">
        <v>419</v>
      </c>
      <c r="E7" s="11" t="s">
        <v>45</v>
      </c>
      <c r="F7" s="16">
        <v>0.5323</v>
      </c>
      <c r="G7" s="11" t="s">
        <v>11</v>
      </c>
      <c r="H7" s="11" t="s">
        <v>11</v>
      </c>
      <c r="I7" s="11" t="s">
        <v>11</v>
      </c>
      <c r="J7" s="11" t="s">
        <v>14</v>
      </c>
    </row>
    <row r="8" spans="1:10" x14ac:dyDescent="0.25">
      <c r="A8" s="11" t="s">
        <v>491</v>
      </c>
      <c r="B8" s="11" t="s">
        <v>11</v>
      </c>
      <c r="C8" s="11" t="s">
        <v>12</v>
      </c>
      <c r="D8" s="11" t="s">
        <v>419</v>
      </c>
      <c r="E8" s="11" t="s">
        <v>45</v>
      </c>
      <c r="F8" s="16">
        <v>0.5323</v>
      </c>
      <c r="G8" s="11" t="s">
        <v>11</v>
      </c>
      <c r="H8" s="11" t="s">
        <v>11</v>
      </c>
      <c r="I8" s="11" t="s">
        <v>11</v>
      </c>
      <c r="J8" s="11" t="s">
        <v>14</v>
      </c>
    </row>
    <row r="9" spans="1:10" x14ac:dyDescent="0.25">
      <c r="A9" s="11" t="s">
        <v>492</v>
      </c>
      <c r="B9" s="11" t="s">
        <v>11</v>
      </c>
      <c r="C9" s="11" t="s">
        <v>12</v>
      </c>
      <c r="D9" s="11" t="s">
        <v>419</v>
      </c>
      <c r="E9" s="11" t="s">
        <v>45</v>
      </c>
      <c r="F9" s="16">
        <v>0.5323</v>
      </c>
      <c r="G9" s="11" t="s">
        <v>11</v>
      </c>
      <c r="H9" s="11" t="s">
        <v>11</v>
      </c>
      <c r="I9" s="11" t="s">
        <v>11</v>
      </c>
      <c r="J9" s="11" t="s">
        <v>14</v>
      </c>
    </row>
    <row r="10" spans="1:10" x14ac:dyDescent="0.25">
      <c r="A10" s="11" t="s">
        <v>493</v>
      </c>
      <c r="B10" s="11" t="s">
        <v>11</v>
      </c>
      <c r="C10" s="11" t="s">
        <v>12</v>
      </c>
      <c r="D10" s="11" t="s">
        <v>419</v>
      </c>
      <c r="E10" s="11" t="s">
        <v>45</v>
      </c>
      <c r="F10" s="16">
        <v>0.5323</v>
      </c>
      <c r="G10" s="11" t="s">
        <v>11</v>
      </c>
      <c r="H10" s="11" t="s">
        <v>11</v>
      </c>
      <c r="I10" s="11" t="s">
        <v>11</v>
      </c>
      <c r="J10" s="11" t="s">
        <v>14</v>
      </c>
    </row>
    <row r="11" spans="1:10" x14ac:dyDescent="0.25">
      <c r="A11" s="11" t="s">
        <v>494</v>
      </c>
      <c r="B11" s="11" t="s">
        <v>11</v>
      </c>
      <c r="C11" s="11" t="s">
        <v>12</v>
      </c>
      <c r="D11" s="11" t="s">
        <v>419</v>
      </c>
      <c r="E11" s="11" t="s">
        <v>45</v>
      </c>
      <c r="F11" s="16">
        <v>0.5323</v>
      </c>
      <c r="G11" s="11" t="s">
        <v>11</v>
      </c>
      <c r="H11" s="11" t="s">
        <v>11</v>
      </c>
      <c r="I11" s="11" t="s">
        <v>11</v>
      </c>
      <c r="J11" s="11" t="s">
        <v>14</v>
      </c>
    </row>
    <row r="12" spans="1:10" x14ac:dyDescent="0.25">
      <c r="A12" s="11" t="s">
        <v>495</v>
      </c>
      <c r="B12" s="11" t="s">
        <v>11</v>
      </c>
      <c r="C12" s="11" t="s">
        <v>12</v>
      </c>
      <c r="D12" s="11" t="s">
        <v>419</v>
      </c>
      <c r="E12" s="11" t="s">
        <v>45</v>
      </c>
      <c r="F12" s="16">
        <v>0.5323</v>
      </c>
      <c r="G12" s="11" t="s">
        <v>11</v>
      </c>
      <c r="H12" s="11" t="s">
        <v>11</v>
      </c>
      <c r="I12" s="11" t="s">
        <v>11</v>
      </c>
      <c r="J12" s="11" t="s">
        <v>14</v>
      </c>
    </row>
    <row r="13" spans="1:10" x14ac:dyDescent="0.25">
      <c r="A13" s="11" t="s">
        <v>496</v>
      </c>
      <c r="B13" s="11" t="s">
        <v>11</v>
      </c>
      <c r="C13" s="11" t="s">
        <v>12</v>
      </c>
      <c r="D13" s="11" t="s">
        <v>419</v>
      </c>
      <c r="E13" s="11" t="s">
        <v>45</v>
      </c>
      <c r="F13" s="16">
        <v>0.5323</v>
      </c>
      <c r="G13" s="11" t="s">
        <v>11</v>
      </c>
      <c r="H13" s="11" t="s">
        <v>11</v>
      </c>
      <c r="I13" s="11" t="s">
        <v>11</v>
      </c>
      <c r="J13" s="11" t="s">
        <v>14</v>
      </c>
    </row>
    <row r="14" spans="1:10" x14ac:dyDescent="0.25">
      <c r="A14" s="11" t="s">
        <v>497</v>
      </c>
      <c r="B14" s="11" t="s">
        <v>11</v>
      </c>
      <c r="C14" s="11" t="s">
        <v>12</v>
      </c>
      <c r="D14" s="11" t="s">
        <v>419</v>
      </c>
      <c r="E14" s="11" t="s">
        <v>45</v>
      </c>
      <c r="F14" s="16">
        <v>0.5323</v>
      </c>
      <c r="G14" s="11" t="s">
        <v>11</v>
      </c>
      <c r="H14" s="11" t="s">
        <v>11</v>
      </c>
      <c r="I14" s="11" t="s">
        <v>11</v>
      </c>
      <c r="J14" s="11" t="s">
        <v>14</v>
      </c>
    </row>
    <row r="15" spans="1:10" x14ac:dyDescent="0.25">
      <c r="A15" s="11" t="s">
        <v>498</v>
      </c>
      <c r="B15" s="11" t="s">
        <v>11</v>
      </c>
      <c r="C15" s="11" t="s">
        <v>12</v>
      </c>
      <c r="D15" s="11" t="s">
        <v>419</v>
      </c>
      <c r="E15" s="11" t="s">
        <v>45</v>
      </c>
      <c r="F15" s="16">
        <v>0.5323</v>
      </c>
      <c r="G15" s="11" t="s">
        <v>11</v>
      </c>
      <c r="H15" s="11" t="s">
        <v>11</v>
      </c>
      <c r="I15" s="11" t="s">
        <v>11</v>
      </c>
      <c r="J15" s="11" t="s">
        <v>14</v>
      </c>
    </row>
    <row r="16" spans="1:10" x14ac:dyDescent="0.25">
      <c r="A16" s="11" t="s">
        <v>499</v>
      </c>
      <c r="B16" s="11" t="s">
        <v>11</v>
      </c>
      <c r="C16" s="11" t="s">
        <v>12</v>
      </c>
      <c r="D16" s="11" t="s">
        <v>419</v>
      </c>
      <c r="E16" s="11" t="s">
        <v>45</v>
      </c>
      <c r="F16" s="16">
        <v>0.5323</v>
      </c>
      <c r="G16" s="11" t="s">
        <v>11</v>
      </c>
      <c r="H16" s="11" t="s">
        <v>11</v>
      </c>
      <c r="I16" s="11" t="s">
        <v>11</v>
      </c>
      <c r="J16" s="11" t="s">
        <v>14</v>
      </c>
    </row>
    <row r="17" spans="1:10" x14ac:dyDescent="0.25">
      <c r="A17" s="11" t="s">
        <v>500</v>
      </c>
      <c r="B17" s="11" t="s">
        <v>11</v>
      </c>
      <c r="C17" s="11" t="s">
        <v>12</v>
      </c>
      <c r="D17" s="11" t="s">
        <v>419</v>
      </c>
      <c r="E17" s="11" t="s">
        <v>45</v>
      </c>
      <c r="F17" s="16">
        <v>0.5323</v>
      </c>
      <c r="G17" s="11" t="s">
        <v>11</v>
      </c>
      <c r="H17" s="11" t="s">
        <v>11</v>
      </c>
      <c r="I17" s="11" t="s">
        <v>11</v>
      </c>
      <c r="J17" s="11" t="s">
        <v>14</v>
      </c>
    </row>
    <row r="18" spans="1:10" x14ac:dyDescent="0.25">
      <c r="A18" s="11" t="s">
        <v>501</v>
      </c>
      <c r="B18" s="11" t="s">
        <v>11</v>
      </c>
      <c r="C18" s="11" t="s">
        <v>12</v>
      </c>
      <c r="D18" s="11" t="s">
        <v>419</v>
      </c>
      <c r="E18" s="11" t="s">
        <v>45</v>
      </c>
      <c r="F18" s="16">
        <v>0.5323</v>
      </c>
      <c r="G18" s="11" t="s">
        <v>11</v>
      </c>
      <c r="H18" s="11" t="s">
        <v>11</v>
      </c>
      <c r="I18" s="11" t="s">
        <v>11</v>
      </c>
      <c r="J18" s="11" t="s">
        <v>14</v>
      </c>
    </row>
    <row r="19" spans="1:10" x14ac:dyDescent="0.25">
      <c r="A19" s="11" t="s">
        <v>502</v>
      </c>
      <c r="B19" s="11" t="s">
        <v>11</v>
      </c>
      <c r="C19" s="11" t="s">
        <v>12</v>
      </c>
      <c r="D19" s="11" t="s">
        <v>419</v>
      </c>
      <c r="E19" s="11" t="s">
        <v>45</v>
      </c>
      <c r="F19" s="16">
        <v>0.45649999999999991</v>
      </c>
      <c r="G19" s="11" t="s">
        <v>11</v>
      </c>
      <c r="H19" s="11" t="s">
        <v>11</v>
      </c>
      <c r="I19" s="11" t="s">
        <v>11</v>
      </c>
      <c r="J19" s="11" t="s">
        <v>14</v>
      </c>
    </row>
    <row r="20" spans="1:10" x14ac:dyDescent="0.25">
      <c r="A20" s="11" t="s">
        <v>503</v>
      </c>
      <c r="B20" s="11" t="s">
        <v>11</v>
      </c>
      <c r="C20" s="11" t="s">
        <v>12</v>
      </c>
      <c r="D20" s="11" t="s">
        <v>419</v>
      </c>
      <c r="E20" s="11" t="s">
        <v>45</v>
      </c>
      <c r="F20" s="16">
        <v>0.45649999999999991</v>
      </c>
      <c r="G20" s="11" t="s">
        <v>11</v>
      </c>
      <c r="H20" s="11" t="s">
        <v>11</v>
      </c>
      <c r="I20" s="11" t="s">
        <v>11</v>
      </c>
      <c r="J20" s="11" t="s">
        <v>14</v>
      </c>
    </row>
    <row r="21" spans="1:10" x14ac:dyDescent="0.25">
      <c r="A21" s="11" t="s">
        <v>504</v>
      </c>
      <c r="B21" s="11" t="s">
        <v>11</v>
      </c>
      <c r="C21" s="11" t="s">
        <v>12</v>
      </c>
      <c r="D21" s="11" t="s">
        <v>419</v>
      </c>
      <c r="E21" s="11" t="s">
        <v>45</v>
      </c>
      <c r="F21" s="16">
        <v>0.45579999999999998</v>
      </c>
      <c r="G21" s="11" t="s">
        <v>11</v>
      </c>
      <c r="H21" s="11" t="s">
        <v>11</v>
      </c>
      <c r="I21" s="11" t="s">
        <v>11</v>
      </c>
      <c r="J21" s="11" t="s">
        <v>14</v>
      </c>
    </row>
    <row r="22" spans="1:10" x14ac:dyDescent="0.25">
      <c r="A22" s="11" t="s">
        <v>505</v>
      </c>
      <c r="B22" s="11" t="s">
        <v>11</v>
      </c>
      <c r="C22" s="11" t="s">
        <v>12</v>
      </c>
      <c r="D22" s="11" t="s">
        <v>419</v>
      </c>
      <c r="E22" s="11" t="s">
        <v>45</v>
      </c>
      <c r="F22" s="16">
        <v>0.45579999999999998</v>
      </c>
      <c r="G22" s="11" t="s">
        <v>11</v>
      </c>
      <c r="H22" s="11" t="s">
        <v>11</v>
      </c>
      <c r="I22" s="11" t="s">
        <v>11</v>
      </c>
      <c r="J22" s="11" t="s">
        <v>14</v>
      </c>
    </row>
    <row r="23" spans="1:10" x14ac:dyDescent="0.25">
      <c r="A23" s="11" t="s">
        <v>506</v>
      </c>
      <c r="B23" s="11" t="s">
        <v>11</v>
      </c>
      <c r="C23" s="11" t="s">
        <v>12</v>
      </c>
      <c r="D23" s="11" t="s">
        <v>419</v>
      </c>
      <c r="E23" s="11" t="s">
        <v>45</v>
      </c>
      <c r="F23" s="16">
        <v>0.45579999999999998</v>
      </c>
      <c r="G23" s="11" t="s">
        <v>11</v>
      </c>
      <c r="H23" s="11" t="s">
        <v>11</v>
      </c>
      <c r="I23" s="11" t="s">
        <v>11</v>
      </c>
      <c r="J23" s="11" t="s">
        <v>14</v>
      </c>
    </row>
    <row r="24" spans="1:10" x14ac:dyDescent="0.25">
      <c r="A24" s="11" t="s">
        <v>507</v>
      </c>
      <c r="B24" s="11" t="s">
        <v>11</v>
      </c>
      <c r="C24" s="11" t="s">
        <v>12</v>
      </c>
      <c r="D24" s="11" t="s">
        <v>419</v>
      </c>
      <c r="E24" s="11" t="s">
        <v>45</v>
      </c>
      <c r="F24" s="16">
        <v>0.45579999999999998</v>
      </c>
      <c r="G24" s="11" t="s">
        <v>11</v>
      </c>
      <c r="H24" s="11" t="s">
        <v>11</v>
      </c>
      <c r="I24" s="11" t="s">
        <v>11</v>
      </c>
      <c r="J24" s="11" t="s">
        <v>14</v>
      </c>
    </row>
    <row r="25" spans="1:10" x14ac:dyDescent="0.25">
      <c r="A25" s="11" t="s">
        <v>508</v>
      </c>
      <c r="B25" s="11" t="s">
        <v>11</v>
      </c>
      <c r="C25" s="11" t="s">
        <v>12</v>
      </c>
      <c r="D25" s="11" t="s">
        <v>419</v>
      </c>
      <c r="E25" s="11" t="s">
        <v>45</v>
      </c>
      <c r="F25" s="16">
        <v>0.17999999999999994</v>
      </c>
      <c r="G25" s="11" t="s">
        <v>11</v>
      </c>
      <c r="H25" s="11" t="s">
        <v>11</v>
      </c>
      <c r="I25" s="11" t="s">
        <v>11</v>
      </c>
      <c r="J25" s="11" t="s">
        <v>14</v>
      </c>
    </row>
    <row r="26" spans="1:10" x14ac:dyDescent="0.25">
      <c r="A26" s="11" t="s">
        <v>509</v>
      </c>
      <c r="B26" s="11" t="s">
        <v>11</v>
      </c>
      <c r="C26" s="11" t="s">
        <v>12</v>
      </c>
      <c r="D26" s="11" t="s">
        <v>419</v>
      </c>
      <c r="E26" s="11" t="s">
        <v>45</v>
      </c>
      <c r="F26" s="16">
        <v>0.17999999999999994</v>
      </c>
      <c r="G26" s="11" t="s">
        <v>11</v>
      </c>
      <c r="H26" s="11" t="s">
        <v>11</v>
      </c>
      <c r="I26" s="11" t="s">
        <v>11</v>
      </c>
      <c r="J26" s="11" t="s">
        <v>14</v>
      </c>
    </row>
    <row r="27" spans="1:10" x14ac:dyDescent="0.25">
      <c r="A27" s="11" t="s">
        <v>510</v>
      </c>
      <c r="B27" s="11" t="s">
        <v>11</v>
      </c>
      <c r="C27" s="11" t="s">
        <v>12</v>
      </c>
      <c r="D27" s="11" t="s">
        <v>419</v>
      </c>
      <c r="E27" s="11" t="s">
        <v>45</v>
      </c>
      <c r="F27" s="16">
        <v>0.17999999999999994</v>
      </c>
      <c r="G27" s="11" t="s">
        <v>11</v>
      </c>
      <c r="H27" s="11" t="s">
        <v>11</v>
      </c>
      <c r="I27" s="11" t="s">
        <v>11</v>
      </c>
      <c r="J27" s="11" t="s">
        <v>14</v>
      </c>
    </row>
    <row r="28" spans="1:10" x14ac:dyDescent="0.25">
      <c r="A28" s="11" t="s">
        <v>511</v>
      </c>
      <c r="B28" s="11" t="s">
        <v>11</v>
      </c>
      <c r="C28" s="11" t="s">
        <v>12</v>
      </c>
      <c r="D28" s="11" t="s">
        <v>419</v>
      </c>
      <c r="E28" s="11" t="s">
        <v>45</v>
      </c>
      <c r="F28" s="16">
        <v>0.17999999999999994</v>
      </c>
      <c r="G28" s="11" t="s">
        <v>11</v>
      </c>
      <c r="H28" s="11" t="s">
        <v>11</v>
      </c>
      <c r="I28" s="11" t="s">
        <v>11</v>
      </c>
      <c r="J28" s="11" t="s">
        <v>14</v>
      </c>
    </row>
    <row r="29" spans="1:10" x14ac:dyDescent="0.25">
      <c r="A29" s="11" t="s">
        <v>512</v>
      </c>
      <c r="B29" s="11" t="s">
        <v>11</v>
      </c>
      <c r="C29" s="11" t="s">
        <v>12</v>
      </c>
      <c r="D29" s="11" t="s">
        <v>419</v>
      </c>
      <c r="E29" s="11" t="s">
        <v>45</v>
      </c>
      <c r="F29" s="16">
        <v>0.17999999999999994</v>
      </c>
      <c r="G29" s="11" t="s">
        <v>11</v>
      </c>
      <c r="H29" s="11" t="s">
        <v>11</v>
      </c>
      <c r="I29" s="11" t="s">
        <v>11</v>
      </c>
      <c r="J29" s="11" t="s">
        <v>14</v>
      </c>
    </row>
    <row r="30" spans="1:10" x14ac:dyDescent="0.25">
      <c r="A30" s="11" t="s">
        <v>513</v>
      </c>
      <c r="B30" s="11" t="s">
        <v>11</v>
      </c>
      <c r="C30" s="11" t="s">
        <v>12</v>
      </c>
      <c r="D30" s="11" t="s">
        <v>419</v>
      </c>
      <c r="E30" s="11" t="s">
        <v>45</v>
      </c>
      <c r="F30" s="16">
        <v>0.17999999999999994</v>
      </c>
      <c r="G30" s="11" t="s">
        <v>11</v>
      </c>
      <c r="H30" s="11" t="s">
        <v>11</v>
      </c>
      <c r="I30" s="11" t="s">
        <v>11</v>
      </c>
      <c r="J30" s="11" t="s">
        <v>14</v>
      </c>
    </row>
    <row r="31" spans="1:10" x14ac:dyDescent="0.25">
      <c r="A31" s="11" t="s">
        <v>514</v>
      </c>
      <c r="B31" s="11" t="s">
        <v>11</v>
      </c>
      <c r="C31" s="11" t="s">
        <v>12</v>
      </c>
      <c r="D31" s="11" t="s">
        <v>419</v>
      </c>
      <c r="E31" s="11" t="s">
        <v>45</v>
      </c>
      <c r="F31" s="16">
        <v>0.45399999999999996</v>
      </c>
      <c r="G31" s="11" t="s">
        <v>11</v>
      </c>
      <c r="H31" s="11" t="s">
        <v>11</v>
      </c>
      <c r="I31" s="11" t="s">
        <v>11</v>
      </c>
      <c r="J31" s="11" t="s">
        <v>14</v>
      </c>
    </row>
    <row r="32" spans="1:10" x14ac:dyDescent="0.25">
      <c r="A32" s="11" t="s">
        <v>515</v>
      </c>
      <c r="B32" s="11" t="s">
        <v>11</v>
      </c>
      <c r="C32" s="11" t="s">
        <v>12</v>
      </c>
      <c r="D32" s="11" t="s">
        <v>419</v>
      </c>
      <c r="E32" s="11" t="s">
        <v>45</v>
      </c>
      <c r="F32" s="16">
        <v>0.45399999999999996</v>
      </c>
      <c r="G32" s="11" t="s">
        <v>11</v>
      </c>
      <c r="H32" s="11" t="s">
        <v>11</v>
      </c>
      <c r="I32" s="11" t="s">
        <v>11</v>
      </c>
      <c r="J32" s="11" t="s">
        <v>14</v>
      </c>
    </row>
    <row r="33" spans="1:10" x14ac:dyDescent="0.25">
      <c r="A33" s="11" t="s">
        <v>516</v>
      </c>
      <c r="B33" s="11" t="s">
        <v>11</v>
      </c>
      <c r="C33" s="11" t="s">
        <v>12</v>
      </c>
      <c r="D33" s="11" t="s">
        <v>419</v>
      </c>
      <c r="E33" s="11" t="s">
        <v>45</v>
      </c>
      <c r="F33" s="16">
        <v>0.45399999999999996</v>
      </c>
      <c r="G33" s="11" t="s">
        <v>11</v>
      </c>
      <c r="H33" s="11" t="s">
        <v>11</v>
      </c>
      <c r="I33" s="11" t="s">
        <v>11</v>
      </c>
      <c r="J33" s="11" t="s">
        <v>14</v>
      </c>
    </row>
    <row r="34" spans="1:10" x14ac:dyDescent="0.25">
      <c r="A34" s="11" t="s">
        <v>517</v>
      </c>
      <c r="B34" s="11" t="s">
        <v>11</v>
      </c>
      <c r="C34" s="11" t="s">
        <v>12</v>
      </c>
      <c r="D34" s="11" t="s">
        <v>419</v>
      </c>
      <c r="E34" s="11" t="s">
        <v>45</v>
      </c>
      <c r="F34" s="16">
        <v>0.45399999999999996</v>
      </c>
      <c r="G34" s="11" t="s">
        <v>11</v>
      </c>
      <c r="H34" s="11" t="s">
        <v>11</v>
      </c>
      <c r="I34" s="11" t="s">
        <v>11</v>
      </c>
      <c r="J34" s="11" t="s">
        <v>14</v>
      </c>
    </row>
    <row r="35" spans="1:10" x14ac:dyDescent="0.25">
      <c r="A35" s="11" t="s">
        <v>518</v>
      </c>
      <c r="B35" s="11" t="s">
        <v>11</v>
      </c>
      <c r="C35" s="11" t="s">
        <v>12</v>
      </c>
      <c r="D35" s="11" t="s">
        <v>419</v>
      </c>
      <c r="E35" s="11" t="s">
        <v>45</v>
      </c>
      <c r="F35" s="16">
        <v>0.45399999999999996</v>
      </c>
      <c r="G35" s="11" t="s">
        <v>11</v>
      </c>
      <c r="H35" s="11" t="s">
        <v>11</v>
      </c>
      <c r="I35" s="11" t="s">
        <v>11</v>
      </c>
      <c r="J35" s="11" t="s">
        <v>14</v>
      </c>
    </row>
    <row r="36" spans="1:10" x14ac:dyDescent="0.25">
      <c r="A36" s="11" t="s">
        <v>519</v>
      </c>
      <c r="B36" s="11" t="s">
        <v>11</v>
      </c>
      <c r="C36" s="11" t="s">
        <v>12</v>
      </c>
      <c r="D36" s="11" t="s">
        <v>419</v>
      </c>
      <c r="E36" s="11" t="s">
        <v>45</v>
      </c>
      <c r="F36" s="16">
        <v>0.45399999999999996</v>
      </c>
      <c r="G36" s="11" t="s">
        <v>11</v>
      </c>
      <c r="H36" s="11" t="s">
        <v>11</v>
      </c>
      <c r="I36" s="11" t="s">
        <v>11</v>
      </c>
      <c r="J36" s="11" t="s">
        <v>14</v>
      </c>
    </row>
    <row r="37" spans="1:10" x14ac:dyDescent="0.25">
      <c r="A37" s="11" t="s">
        <v>520</v>
      </c>
      <c r="B37" s="11" t="s">
        <v>11</v>
      </c>
      <c r="C37" s="11" t="s">
        <v>12</v>
      </c>
      <c r="D37" s="11" t="s">
        <v>419</v>
      </c>
      <c r="E37" s="11" t="s">
        <v>45</v>
      </c>
      <c r="F37" s="16">
        <v>0.45399999999999996</v>
      </c>
      <c r="G37" s="11" t="s">
        <v>11</v>
      </c>
      <c r="H37" s="11" t="s">
        <v>11</v>
      </c>
      <c r="I37" s="11" t="s">
        <v>11</v>
      </c>
      <c r="J37" s="11" t="s">
        <v>14</v>
      </c>
    </row>
    <row r="38" spans="1:10" x14ac:dyDescent="0.25">
      <c r="A38" s="11" t="s">
        <v>521</v>
      </c>
      <c r="B38" s="11" t="s">
        <v>11</v>
      </c>
      <c r="C38" s="11" t="s">
        <v>12</v>
      </c>
      <c r="D38" s="11" t="s">
        <v>419</v>
      </c>
      <c r="E38" s="11" t="s">
        <v>45</v>
      </c>
      <c r="F38" s="16">
        <v>0.45399999999999996</v>
      </c>
      <c r="G38" s="11" t="s">
        <v>11</v>
      </c>
      <c r="H38" s="11" t="s">
        <v>11</v>
      </c>
      <c r="I38" s="11" t="s">
        <v>11</v>
      </c>
      <c r="J38" s="11" t="s">
        <v>14</v>
      </c>
    </row>
    <row r="39" spans="1:10" x14ac:dyDescent="0.25">
      <c r="A39" s="11" t="s">
        <v>522</v>
      </c>
      <c r="B39" s="11" t="s">
        <v>11</v>
      </c>
      <c r="C39" s="11" t="s">
        <v>12</v>
      </c>
      <c r="D39" s="11" t="s">
        <v>419</v>
      </c>
      <c r="E39" s="11" t="s">
        <v>45</v>
      </c>
      <c r="F39" s="16">
        <v>0.45399999999999996</v>
      </c>
      <c r="G39" s="11" t="s">
        <v>11</v>
      </c>
      <c r="H39" s="11" t="s">
        <v>11</v>
      </c>
      <c r="I39" s="11" t="s">
        <v>11</v>
      </c>
      <c r="J39" s="11" t="s">
        <v>14</v>
      </c>
    </row>
    <row r="40" spans="1:10" x14ac:dyDescent="0.25">
      <c r="A40" s="11" t="s">
        <v>523</v>
      </c>
      <c r="B40" s="11" t="s">
        <v>11</v>
      </c>
      <c r="C40" s="11" t="s">
        <v>12</v>
      </c>
      <c r="D40" s="11" t="s">
        <v>419</v>
      </c>
      <c r="E40" s="11" t="s">
        <v>45</v>
      </c>
      <c r="F40" s="16">
        <v>0.45399999999999996</v>
      </c>
      <c r="G40" s="11" t="s">
        <v>11</v>
      </c>
      <c r="H40" s="11" t="s">
        <v>11</v>
      </c>
      <c r="I40" s="11" t="s">
        <v>11</v>
      </c>
      <c r="J40" s="11" t="s">
        <v>14</v>
      </c>
    </row>
    <row r="41" spans="1:10" x14ac:dyDescent="0.25">
      <c r="A41" s="11" t="s">
        <v>524</v>
      </c>
      <c r="B41" s="11" t="s">
        <v>11</v>
      </c>
      <c r="C41" s="11" t="s">
        <v>12</v>
      </c>
      <c r="D41" s="11" t="s">
        <v>419</v>
      </c>
      <c r="E41" s="11" t="s">
        <v>45</v>
      </c>
      <c r="F41" s="16">
        <v>0.45399999999999996</v>
      </c>
      <c r="G41" s="11" t="s">
        <v>11</v>
      </c>
      <c r="H41" s="11" t="s">
        <v>11</v>
      </c>
      <c r="I41" s="11" t="s">
        <v>11</v>
      </c>
      <c r="J41" s="11" t="s">
        <v>14</v>
      </c>
    </row>
    <row r="42" spans="1:10" x14ac:dyDescent="0.25">
      <c r="A42" s="11" t="s">
        <v>525</v>
      </c>
      <c r="B42" s="11" t="s">
        <v>11</v>
      </c>
      <c r="C42" s="11" t="s">
        <v>12</v>
      </c>
      <c r="D42" s="11" t="s">
        <v>419</v>
      </c>
      <c r="E42" s="11" t="s">
        <v>45</v>
      </c>
      <c r="F42" s="16">
        <v>0.45399999999999996</v>
      </c>
      <c r="G42" s="11" t="s">
        <v>11</v>
      </c>
      <c r="H42" s="11" t="s">
        <v>11</v>
      </c>
      <c r="I42" s="11" t="s">
        <v>11</v>
      </c>
      <c r="J42" s="11" t="s">
        <v>14</v>
      </c>
    </row>
    <row r="43" spans="1:10" x14ac:dyDescent="0.25">
      <c r="A43" s="11" t="s">
        <v>526</v>
      </c>
      <c r="B43" s="11" t="s">
        <v>11</v>
      </c>
      <c r="C43" s="11" t="s">
        <v>12</v>
      </c>
      <c r="D43" s="11" t="s">
        <v>419</v>
      </c>
      <c r="E43" s="11" t="s">
        <v>45</v>
      </c>
      <c r="F43" s="16">
        <v>0.45399999999999996</v>
      </c>
      <c r="G43" s="11" t="s">
        <v>11</v>
      </c>
      <c r="H43" s="11" t="s">
        <v>11</v>
      </c>
      <c r="I43" s="11" t="s">
        <v>11</v>
      </c>
      <c r="J43" s="11" t="s">
        <v>14</v>
      </c>
    </row>
    <row r="44" spans="1:10" x14ac:dyDescent="0.25">
      <c r="A44" s="11" t="s">
        <v>527</v>
      </c>
      <c r="B44" s="11" t="s">
        <v>11</v>
      </c>
      <c r="C44" s="11" t="s">
        <v>12</v>
      </c>
      <c r="D44" s="11" t="s">
        <v>419</v>
      </c>
      <c r="E44" s="11" t="s">
        <v>45</v>
      </c>
      <c r="F44" s="16">
        <v>0.45399999999999996</v>
      </c>
      <c r="G44" s="11" t="s">
        <v>11</v>
      </c>
      <c r="H44" s="11" t="s">
        <v>11</v>
      </c>
      <c r="I44" s="11" t="s">
        <v>11</v>
      </c>
      <c r="J44" s="11" t="s">
        <v>14</v>
      </c>
    </row>
    <row r="45" spans="1:10" x14ac:dyDescent="0.25">
      <c r="A45" s="11" t="s">
        <v>528</v>
      </c>
      <c r="B45" s="11" t="s">
        <v>11</v>
      </c>
      <c r="C45" s="11" t="s">
        <v>12</v>
      </c>
      <c r="D45" s="11" t="s">
        <v>419</v>
      </c>
      <c r="E45" s="11" t="s">
        <v>45</v>
      </c>
      <c r="F45" s="16">
        <v>0.45399999999999996</v>
      </c>
      <c r="G45" s="11" t="s">
        <v>11</v>
      </c>
      <c r="H45" s="11" t="s">
        <v>11</v>
      </c>
      <c r="I45" s="11" t="s">
        <v>11</v>
      </c>
      <c r="J45" s="11" t="s">
        <v>14</v>
      </c>
    </row>
    <row r="46" spans="1:10" x14ac:dyDescent="0.25">
      <c r="A46" s="11" t="s">
        <v>529</v>
      </c>
      <c r="B46" s="11" t="s">
        <v>11</v>
      </c>
      <c r="C46" s="11" t="s">
        <v>12</v>
      </c>
      <c r="D46" s="11" t="s">
        <v>419</v>
      </c>
      <c r="E46" s="11" t="s">
        <v>45</v>
      </c>
      <c r="F46" s="16">
        <v>0.45419999999999994</v>
      </c>
      <c r="G46" s="11" t="s">
        <v>11</v>
      </c>
      <c r="H46" s="11" t="s">
        <v>11</v>
      </c>
      <c r="I46" s="11" t="s">
        <v>11</v>
      </c>
      <c r="J46" s="11" t="s">
        <v>14</v>
      </c>
    </row>
    <row r="47" spans="1:10" x14ac:dyDescent="0.25">
      <c r="A47" s="11" t="s">
        <v>530</v>
      </c>
      <c r="B47" s="11" t="s">
        <v>11</v>
      </c>
      <c r="C47" s="11" t="s">
        <v>12</v>
      </c>
      <c r="D47" s="11" t="s">
        <v>419</v>
      </c>
      <c r="E47" s="11" t="s">
        <v>45</v>
      </c>
      <c r="F47" s="16">
        <v>0.45419999999999994</v>
      </c>
      <c r="G47" s="11" t="s">
        <v>11</v>
      </c>
      <c r="H47" s="11" t="s">
        <v>11</v>
      </c>
      <c r="I47" s="11" t="s">
        <v>11</v>
      </c>
      <c r="J47" s="11" t="s">
        <v>14</v>
      </c>
    </row>
    <row r="48" spans="1:10" x14ac:dyDescent="0.25">
      <c r="A48" s="11" t="s">
        <v>531</v>
      </c>
      <c r="B48" s="11" t="s">
        <v>11</v>
      </c>
      <c r="C48" s="11" t="s">
        <v>12</v>
      </c>
      <c r="D48" s="11" t="s">
        <v>419</v>
      </c>
      <c r="E48" s="11" t="s">
        <v>45</v>
      </c>
      <c r="F48" s="16">
        <v>0.45419999999999994</v>
      </c>
      <c r="G48" s="11" t="s">
        <v>11</v>
      </c>
      <c r="H48" s="11" t="s">
        <v>11</v>
      </c>
      <c r="I48" s="11" t="s">
        <v>11</v>
      </c>
      <c r="J48" s="11" t="s">
        <v>14</v>
      </c>
    </row>
    <row r="49" spans="1:10" x14ac:dyDescent="0.25">
      <c r="A49" s="11" t="s">
        <v>532</v>
      </c>
      <c r="B49" s="11" t="s">
        <v>11</v>
      </c>
      <c r="C49" s="11" t="s">
        <v>12</v>
      </c>
      <c r="D49" s="11" t="s">
        <v>419</v>
      </c>
      <c r="E49" s="11" t="s">
        <v>45</v>
      </c>
      <c r="F49" s="16">
        <v>0.45419999999999994</v>
      </c>
      <c r="G49" s="11" t="s">
        <v>11</v>
      </c>
      <c r="H49" s="11" t="s">
        <v>11</v>
      </c>
      <c r="I49" s="11" t="s">
        <v>11</v>
      </c>
      <c r="J49" s="11" t="s">
        <v>14</v>
      </c>
    </row>
    <row r="50" spans="1:10" x14ac:dyDescent="0.25">
      <c r="A50" s="11" t="s">
        <v>533</v>
      </c>
      <c r="B50" s="11" t="s">
        <v>11</v>
      </c>
      <c r="C50" s="11" t="s">
        <v>12</v>
      </c>
      <c r="D50" s="11" t="s">
        <v>419</v>
      </c>
      <c r="E50" s="11" t="s">
        <v>45</v>
      </c>
      <c r="F50" s="16">
        <v>0.45419999999999994</v>
      </c>
      <c r="G50" s="11" t="s">
        <v>11</v>
      </c>
      <c r="H50" s="11" t="s">
        <v>11</v>
      </c>
      <c r="I50" s="11" t="s">
        <v>11</v>
      </c>
      <c r="J50" s="11" t="s">
        <v>14</v>
      </c>
    </row>
    <row r="51" spans="1:10" x14ac:dyDescent="0.25">
      <c r="A51" s="11" t="s">
        <v>534</v>
      </c>
      <c r="B51" s="11" t="s">
        <v>11</v>
      </c>
      <c r="C51" s="11" t="s">
        <v>12</v>
      </c>
      <c r="D51" s="11" t="s">
        <v>419</v>
      </c>
      <c r="E51" s="11" t="s">
        <v>45</v>
      </c>
      <c r="F51" s="16">
        <v>0.45419999999999994</v>
      </c>
      <c r="G51" s="11" t="s">
        <v>11</v>
      </c>
      <c r="H51" s="11" t="s">
        <v>11</v>
      </c>
      <c r="I51" s="11" t="s">
        <v>11</v>
      </c>
      <c r="J51" s="11" t="s">
        <v>14</v>
      </c>
    </row>
    <row r="52" spans="1:10" x14ac:dyDescent="0.25">
      <c r="A52" s="11" t="s">
        <v>535</v>
      </c>
      <c r="B52" s="11" t="s">
        <v>11</v>
      </c>
      <c r="C52" s="11" t="s">
        <v>12</v>
      </c>
      <c r="D52" s="11" t="s">
        <v>419</v>
      </c>
      <c r="E52" s="11" t="s">
        <v>45</v>
      </c>
      <c r="F52" s="16">
        <v>0.45419999999999994</v>
      </c>
      <c r="G52" s="11" t="s">
        <v>11</v>
      </c>
      <c r="H52" s="11" t="s">
        <v>11</v>
      </c>
      <c r="I52" s="11" t="s">
        <v>11</v>
      </c>
      <c r="J52" s="11" t="s">
        <v>14</v>
      </c>
    </row>
    <row r="53" spans="1:10" x14ac:dyDescent="0.25">
      <c r="A53" s="11" t="s">
        <v>536</v>
      </c>
      <c r="B53" s="11" t="s">
        <v>11</v>
      </c>
      <c r="C53" s="11" t="s">
        <v>12</v>
      </c>
      <c r="D53" s="11" t="s">
        <v>419</v>
      </c>
      <c r="E53" s="11" t="s">
        <v>45</v>
      </c>
      <c r="F53" s="16">
        <v>0.45419999999999994</v>
      </c>
      <c r="G53" s="11" t="s">
        <v>11</v>
      </c>
      <c r="H53" s="11" t="s">
        <v>11</v>
      </c>
      <c r="I53" s="11" t="s">
        <v>11</v>
      </c>
      <c r="J53" s="11" t="s">
        <v>14</v>
      </c>
    </row>
    <row r="54" spans="1:10" x14ac:dyDescent="0.25">
      <c r="A54" s="11" t="s">
        <v>537</v>
      </c>
      <c r="B54" s="11" t="s">
        <v>11</v>
      </c>
      <c r="C54" s="11" t="s">
        <v>12</v>
      </c>
      <c r="D54" s="11" t="s">
        <v>419</v>
      </c>
      <c r="E54" s="11" t="s">
        <v>45</v>
      </c>
      <c r="F54" s="16">
        <v>0.45419999999999994</v>
      </c>
      <c r="G54" s="11" t="s">
        <v>11</v>
      </c>
      <c r="H54" s="11" t="s">
        <v>11</v>
      </c>
      <c r="I54" s="11" t="s">
        <v>11</v>
      </c>
      <c r="J54" s="11" t="s">
        <v>14</v>
      </c>
    </row>
    <row r="55" spans="1:10" x14ac:dyDescent="0.25">
      <c r="A55" s="11" t="s">
        <v>538</v>
      </c>
      <c r="B55" s="11" t="s">
        <v>11</v>
      </c>
      <c r="C55" s="11" t="s">
        <v>12</v>
      </c>
      <c r="D55" s="11" t="s">
        <v>419</v>
      </c>
      <c r="E55" s="11" t="s">
        <v>45</v>
      </c>
      <c r="F55" s="16">
        <v>0.45399999999999996</v>
      </c>
      <c r="G55" s="11" t="s">
        <v>11</v>
      </c>
      <c r="H55" s="11" t="s">
        <v>11</v>
      </c>
      <c r="I55" s="11" t="s">
        <v>11</v>
      </c>
      <c r="J55" s="11" t="s">
        <v>14</v>
      </c>
    </row>
    <row r="56" spans="1:10" x14ac:dyDescent="0.25">
      <c r="A56" s="11" t="s">
        <v>539</v>
      </c>
      <c r="B56" s="11" t="s">
        <v>11</v>
      </c>
      <c r="C56" s="11" t="s">
        <v>12</v>
      </c>
      <c r="D56" s="11" t="s">
        <v>419</v>
      </c>
      <c r="E56" s="11" t="s">
        <v>45</v>
      </c>
      <c r="F56" s="16">
        <v>0.58719999999999994</v>
      </c>
      <c r="G56" s="11" t="s">
        <v>11</v>
      </c>
      <c r="H56" s="11" t="s">
        <v>11</v>
      </c>
      <c r="I56" s="11" t="s">
        <v>11</v>
      </c>
      <c r="J56" s="11" t="s">
        <v>14</v>
      </c>
    </row>
    <row r="57" spans="1:10" x14ac:dyDescent="0.25">
      <c r="A57" s="11" t="s">
        <v>540</v>
      </c>
      <c r="B57" s="11" t="s">
        <v>11</v>
      </c>
      <c r="C57" s="11" t="s">
        <v>12</v>
      </c>
      <c r="D57" s="11" t="s">
        <v>419</v>
      </c>
      <c r="E57" s="11" t="s">
        <v>45</v>
      </c>
      <c r="F57" s="16">
        <v>0.58719999999999994</v>
      </c>
      <c r="G57" s="11" t="s">
        <v>11</v>
      </c>
      <c r="H57" s="11" t="s">
        <v>11</v>
      </c>
      <c r="I57" s="11" t="s">
        <v>11</v>
      </c>
      <c r="J57" s="11" t="s">
        <v>14</v>
      </c>
    </row>
    <row r="58" spans="1:10" x14ac:dyDescent="0.25">
      <c r="A58" s="11" t="s">
        <v>541</v>
      </c>
      <c r="B58" s="11" t="s">
        <v>11</v>
      </c>
      <c r="C58" s="11" t="s">
        <v>12</v>
      </c>
      <c r="D58" s="11" t="s">
        <v>419</v>
      </c>
      <c r="E58" s="11" t="s">
        <v>45</v>
      </c>
      <c r="F58" s="16">
        <v>0.58719999999999994</v>
      </c>
      <c r="G58" s="11" t="s">
        <v>11</v>
      </c>
      <c r="H58" s="11" t="s">
        <v>11</v>
      </c>
      <c r="I58" s="11" t="s">
        <v>11</v>
      </c>
      <c r="J58" s="11" t="s">
        <v>14</v>
      </c>
    </row>
    <row r="59" spans="1:10" x14ac:dyDescent="0.25">
      <c r="A59" s="11" t="s">
        <v>542</v>
      </c>
      <c r="B59" s="11" t="s">
        <v>11</v>
      </c>
      <c r="C59" s="11" t="s">
        <v>12</v>
      </c>
      <c r="D59" s="11" t="s">
        <v>419</v>
      </c>
      <c r="E59" s="11" t="s">
        <v>45</v>
      </c>
      <c r="F59" s="16">
        <v>0.58719999999999994</v>
      </c>
      <c r="G59" s="11" t="s">
        <v>11</v>
      </c>
      <c r="H59" s="11" t="s">
        <v>11</v>
      </c>
      <c r="I59" s="11" t="s">
        <v>11</v>
      </c>
      <c r="J59" s="11" t="s">
        <v>14</v>
      </c>
    </row>
    <row r="60" spans="1:10" x14ac:dyDescent="0.25">
      <c r="A60" s="11" t="s">
        <v>543</v>
      </c>
      <c r="B60" s="11" t="s">
        <v>11</v>
      </c>
      <c r="C60" s="11" t="s">
        <v>12</v>
      </c>
      <c r="D60" s="11" t="s">
        <v>419</v>
      </c>
      <c r="E60" s="11" t="s">
        <v>45</v>
      </c>
      <c r="F60" s="16">
        <v>0.58719999999999994</v>
      </c>
      <c r="G60" s="11" t="s">
        <v>11</v>
      </c>
      <c r="H60" s="11" t="s">
        <v>11</v>
      </c>
      <c r="I60" s="11" t="s">
        <v>11</v>
      </c>
      <c r="J60" s="11" t="s">
        <v>14</v>
      </c>
    </row>
    <row r="61" spans="1:10" x14ac:dyDescent="0.25">
      <c r="A61" s="11" t="s">
        <v>544</v>
      </c>
      <c r="B61" s="11" t="s">
        <v>11</v>
      </c>
      <c r="C61" s="11" t="s">
        <v>12</v>
      </c>
      <c r="D61" s="11" t="s">
        <v>419</v>
      </c>
      <c r="E61" s="11" t="s">
        <v>45</v>
      </c>
      <c r="F61" s="16">
        <v>0.52429999999999999</v>
      </c>
      <c r="G61" s="11" t="s">
        <v>11</v>
      </c>
      <c r="H61" s="11" t="s">
        <v>11</v>
      </c>
      <c r="I61" s="11" t="s">
        <v>11</v>
      </c>
      <c r="J61" s="11" t="s">
        <v>14</v>
      </c>
    </row>
    <row r="62" spans="1:10" x14ac:dyDescent="0.25">
      <c r="A62" s="11" t="s">
        <v>545</v>
      </c>
      <c r="B62" s="11" t="s">
        <v>11</v>
      </c>
      <c r="C62" s="11" t="s">
        <v>12</v>
      </c>
      <c r="D62" s="11" t="s">
        <v>419</v>
      </c>
      <c r="E62" s="11" t="s">
        <v>45</v>
      </c>
      <c r="F62" s="16">
        <v>0.52429999999999999</v>
      </c>
      <c r="G62" s="11" t="s">
        <v>11</v>
      </c>
      <c r="H62" s="11" t="s">
        <v>11</v>
      </c>
      <c r="I62" s="11" t="s">
        <v>11</v>
      </c>
      <c r="J62" s="11" t="s">
        <v>14</v>
      </c>
    </row>
    <row r="63" spans="1:10" x14ac:dyDescent="0.25">
      <c r="A63" s="11" t="s">
        <v>546</v>
      </c>
      <c r="B63" s="11" t="s">
        <v>11</v>
      </c>
      <c r="C63" s="11" t="s">
        <v>12</v>
      </c>
      <c r="D63" s="11" t="s">
        <v>419</v>
      </c>
      <c r="E63" s="11" t="s">
        <v>45</v>
      </c>
      <c r="F63" s="16">
        <v>0.52429999999999999</v>
      </c>
      <c r="G63" s="11" t="s">
        <v>11</v>
      </c>
      <c r="H63" s="11" t="s">
        <v>11</v>
      </c>
      <c r="I63" s="11" t="s">
        <v>11</v>
      </c>
      <c r="J63" s="11" t="s">
        <v>14</v>
      </c>
    </row>
    <row r="64" spans="1:10" x14ac:dyDescent="0.25">
      <c r="A64" s="11" t="s">
        <v>547</v>
      </c>
      <c r="B64" s="11" t="s">
        <v>11</v>
      </c>
      <c r="C64" s="11" t="s">
        <v>12</v>
      </c>
      <c r="D64" s="11" t="s">
        <v>419</v>
      </c>
      <c r="E64" s="11" t="s">
        <v>45</v>
      </c>
      <c r="F64" s="16">
        <v>0.52429999999999999</v>
      </c>
      <c r="G64" s="11" t="s">
        <v>11</v>
      </c>
      <c r="H64" s="11" t="s">
        <v>11</v>
      </c>
      <c r="I64" s="11" t="s">
        <v>11</v>
      </c>
      <c r="J64" s="11" t="s">
        <v>14</v>
      </c>
    </row>
    <row r="65" spans="1:10" x14ac:dyDescent="0.25">
      <c r="A65" s="11" t="s">
        <v>548</v>
      </c>
      <c r="B65" s="11" t="s">
        <v>11</v>
      </c>
      <c r="C65" s="11" t="s">
        <v>12</v>
      </c>
      <c r="D65" s="11" t="s">
        <v>419</v>
      </c>
      <c r="E65" s="11" t="s">
        <v>45</v>
      </c>
      <c r="F65" s="16">
        <v>0.52429999999999999</v>
      </c>
      <c r="G65" s="11" t="s">
        <v>11</v>
      </c>
      <c r="H65" s="11" t="s">
        <v>11</v>
      </c>
      <c r="I65" s="11" t="s">
        <v>11</v>
      </c>
      <c r="J65" s="11" t="s">
        <v>14</v>
      </c>
    </row>
    <row r="66" spans="1:10" x14ac:dyDescent="0.25">
      <c r="A66" s="11" t="s">
        <v>549</v>
      </c>
      <c r="B66" s="11" t="s">
        <v>11</v>
      </c>
      <c r="C66" s="11" t="s">
        <v>12</v>
      </c>
      <c r="D66" s="11" t="s">
        <v>419</v>
      </c>
      <c r="E66" s="11" t="s">
        <v>45</v>
      </c>
      <c r="F66" s="16">
        <v>0.52429999999999999</v>
      </c>
      <c r="G66" s="11" t="s">
        <v>11</v>
      </c>
      <c r="H66" s="11" t="s">
        <v>11</v>
      </c>
      <c r="I66" s="11" t="s">
        <v>11</v>
      </c>
      <c r="J66" s="11" t="s">
        <v>14</v>
      </c>
    </row>
    <row r="67" spans="1:10" x14ac:dyDescent="0.25">
      <c r="A67" s="11" t="s">
        <v>550</v>
      </c>
      <c r="B67" s="11" t="s">
        <v>11</v>
      </c>
      <c r="C67" s="11" t="s">
        <v>12</v>
      </c>
      <c r="D67" s="11" t="s">
        <v>419</v>
      </c>
      <c r="E67" s="11" t="s">
        <v>45</v>
      </c>
      <c r="F67" s="16">
        <v>0.52429999999999999</v>
      </c>
      <c r="G67" s="11" t="s">
        <v>11</v>
      </c>
      <c r="H67" s="11" t="s">
        <v>11</v>
      </c>
      <c r="I67" s="11" t="s">
        <v>11</v>
      </c>
      <c r="J67" s="11" t="s">
        <v>14</v>
      </c>
    </row>
    <row r="68" spans="1:10" x14ac:dyDescent="0.25">
      <c r="A68" s="11" t="s">
        <v>551</v>
      </c>
      <c r="B68" s="11" t="s">
        <v>11</v>
      </c>
      <c r="C68" s="11" t="s">
        <v>12</v>
      </c>
      <c r="D68" s="11" t="s">
        <v>419</v>
      </c>
      <c r="E68" s="11" t="s">
        <v>45</v>
      </c>
      <c r="F68" s="16">
        <v>0.52429999999999999</v>
      </c>
      <c r="G68" s="11" t="s">
        <v>11</v>
      </c>
      <c r="H68" s="11" t="s">
        <v>11</v>
      </c>
      <c r="I68" s="11" t="s">
        <v>11</v>
      </c>
      <c r="J68" s="11" t="s">
        <v>14</v>
      </c>
    </row>
    <row r="69" spans="1:10" x14ac:dyDescent="0.25">
      <c r="A69" s="11" t="s">
        <v>552</v>
      </c>
      <c r="B69" s="11" t="s">
        <v>11</v>
      </c>
      <c r="C69" s="11" t="s">
        <v>12</v>
      </c>
      <c r="D69" s="11" t="s">
        <v>419</v>
      </c>
      <c r="E69" s="11" t="s">
        <v>45</v>
      </c>
      <c r="F69" s="16">
        <v>1.0743</v>
      </c>
      <c r="G69" s="11" t="s">
        <v>11</v>
      </c>
      <c r="H69" s="11" t="s">
        <v>11</v>
      </c>
      <c r="I69" s="11" t="s">
        <v>11</v>
      </c>
      <c r="J69" s="11" t="s">
        <v>14</v>
      </c>
    </row>
    <row r="70" spans="1:10" x14ac:dyDescent="0.25">
      <c r="A70" s="11" t="s">
        <v>553</v>
      </c>
      <c r="B70" s="11" t="s">
        <v>11</v>
      </c>
      <c r="C70" s="11" t="s">
        <v>12</v>
      </c>
      <c r="D70" s="11" t="s">
        <v>419</v>
      </c>
      <c r="E70" s="11" t="s">
        <v>45</v>
      </c>
      <c r="F70" s="16">
        <v>1.0743</v>
      </c>
      <c r="G70" s="11" t="s">
        <v>11</v>
      </c>
      <c r="H70" s="11" t="s">
        <v>11</v>
      </c>
      <c r="I70" s="11" t="s">
        <v>11</v>
      </c>
      <c r="J70" s="11" t="s">
        <v>14</v>
      </c>
    </row>
    <row r="71" spans="1:10" x14ac:dyDescent="0.25">
      <c r="A71" s="11" t="s">
        <v>554</v>
      </c>
      <c r="B71" s="11" t="s">
        <v>11</v>
      </c>
      <c r="C71" s="11" t="s">
        <v>12</v>
      </c>
      <c r="D71" s="11" t="s">
        <v>419</v>
      </c>
      <c r="E71" s="11" t="s">
        <v>45</v>
      </c>
      <c r="F71" s="16">
        <v>0.64999999999999991</v>
      </c>
      <c r="G71" s="11" t="s">
        <v>11</v>
      </c>
      <c r="H71" s="11" t="s">
        <v>11</v>
      </c>
      <c r="I71" s="11" t="s">
        <v>11</v>
      </c>
      <c r="J71" s="11" t="s">
        <v>14</v>
      </c>
    </row>
    <row r="72" spans="1:10" x14ac:dyDescent="0.25">
      <c r="A72" s="11" t="s">
        <v>555</v>
      </c>
      <c r="B72" s="11" t="s">
        <v>11</v>
      </c>
      <c r="C72" s="11" t="s">
        <v>12</v>
      </c>
      <c r="D72" s="11" t="s">
        <v>419</v>
      </c>
      <c r="E72" s="11" t="s">
        <v>45</v>
      </c>
      <c r="F72" s="16">
        <v>0.64999999999999991</v>
      </c>
      <c r="G72" s="11" t="s">
        <v>11</v>
      </c>
      <c r="H72" s="11" t="s">
        <v>11</v>
      </c>
      <c r="I72" s="11" t="s">
        <v>11</v>
      </c>
      <c r="J72" s="11" t="s">
        <v>14</v>
      </c>
    </row>
    <row r="73" spans="1:10" x14ac:dyDescent="0.25">
      <c r="A73" s="11" t="s">
        <v>556</v>
      </c>
      <c r="B73" s="11" t="s">
        <v>11</v>
      </c>
      <c r="C73" s="11" t="s">
        <v>12</v>
      </c>
      <c r="D73" s="11" t="s">
        <v>419</v>
      </c>
      <c r="E73" s="11" t="s">
        <v>45</v>
      </c>
      <c r="F73" s="16">
        <v>0.64999999999999991</v>
      </c>
      <c r="G73" s="11" t="s">
        <v>11</v>
      </c>
      <c r="H73" s="11" t="s">
        <v>11</v>
      </c>
      <c r="I73" s="11" t="s">
        <v>11</v>
      </c>
      <c r="J73" s="11" t="s">
        <v>14</v>
      </c>
    </row>
    <row r="74" spans="1:10" x14ac:dyDescent="0.25">
      <c r="A74" s="11" t="s">
        <v>557</v>
      </c>
      <c r="B74" s="11" t="s">
        <v>11</v>
      </c>
      <c r="C74" s="11" t="s">
        <v>12</v>
      </c>
      <c r="D74" s="11" t="s">
        <v>419</v>
      </c>
      <c r="E74" s="11" t="s">
        <v>45</v>
      </c>
      <c r="F74" s="16">
        <v>0.64999999999999991</v>
      </c>
      <c r="G74" s="11" t="s">
        <v>11</v>
      </c>
      <c r="H74" s="11" t="s">
        <v>11</v>
      </c>
      <c r="I74" s="11" t="s">
        <v>11</v>
      </c>
      <c r="J74" s="11" t="s">
        <v>14</v>
      </c>
    </row>
    <row r="75" spans="1:10" x14ac:dyDescent="0.25">
      <c r="A75" s="11" t="s">
        <v>558</v>
      </c>
      <c r="B75" s="11" t="s">
        <v>11</v>
      </c>
      <c r="C75" s="11" t="s">
        <v>12</v>
      </c>
      <c r="D75" s="11" t="s">
        <v>419</v>
      </c>
      <c r="E75" s="11" t="s">
        <v>45</v>
      </c>
      <c r="F75" s="16">
        <v>0.64999999999999991</v>
      </c>
      <c r="G75" s="11" t="s">
        <v>11</v>
      </c>
      <c r="H75" s="11" t="s">
        <v>11</v>
      </c>
      <c r="I75" s="11" t="s">
        <v>11</v>
      </c>
      <c r="J75" s="11" t="s">
        <v>14</v>
      </c>
    </row>
    <row r="76" spans="1:10" x14ac:dyDescent="0.25">
      <c r="A76" s="11" t="s">
        <v>559</v>
      </c>
      <c r="B76" s="11" t="s">
        <v>11</v>
      </c>
      <c r="C76" s="11" t="s">
        <v>12</v>
      </c>
      <c r="D76" s="11" t="s">
        <v>419</v>
      </c>
      <c r="E76" s="11" t="s">
        <v>45</v>
      </c>
      <c r="F76" s="16">
        <v>0.64999999999999991</v>
      </c>
      <c r="G76" s="11" t="s">
        <v>11</v>
      </c>
      <c r="H76" s="11" t="s">
        <v>11</v>
      </c>
      <c r="I76" s="11" t="s">
        <v>11</v>
      </c>
      <c r="J76" s="11" t="s">
        <v>14</v>
      </c>
    </row>
    <row r="77" spans="1:10" x14ac:dyDescent="0.25">
      <c r="A77" s="11" t="s">
        <v>560</v>
      </c>
      <c r="B77" s="11" t="s">
        <v>11</v>
      </c>
      <c r="C77" s="11" t="s">
        <v>12</v>
      </c>
      <c r="D77" s="11" t="s">
        <v>419</v>
      </c>
      <c r="E77" s="11" t="s">
        <v>45</v>
      </c>
      <c r="F77" s="16">
        <v>0.64999999999999991</v>
      </c>
      <c r="G77" s="11" t="s">
        <v>11</v>
      </c>
      <c r="H77" s="11" t="s">
        <v>11</v>
      </c>
      <c r="I77" s="11" t="s">
        <v>11</v>
      </c>
      <c r="J77" s="11" t="s">
        <v>14</v>
      </c>
    </row>
    <row r="78" spans="1:10" x14ac:dyDescent="0.25">
      <c r="A78" s="11" t="s">
        <v>561</v>
      </c>
      <c r="B78" s="11" t="s">
        <v>11</v>
      </c>
      <c r="C78" s="11" t="s">
        <v>12</v>
      </c>
      <c r="D78" s="11" t="s">
        <v>419</v>
      </c>
      <c r="E78" s="11" t="s">
        <v>45</v>
      </c>
      <c r="F78" s="16">
        <v>0.64999999999999991</v>
      </c>
      <c r="G78" s="11" t="s">
        <v>11</v>
      </c>
      <c r="H78" s="11" t="s">
        <v>11</v>
      </c>
      <c r="I78" s="11" t="s">
        <v>11</v>
      </c>
      <c r="J78" s="11" t="s">
        <v>14</v>
      </c>
    </row>
    <row r="79" spans="1:10" x14ac:dyDescent="0.25">
      <c r="A79" s="11" t="s">
        <v>562</v>
      </c>
      <c r="B79" s="11" t="s">
        <v>11</v>
      </c>
      <c r="C79" s="11" t="s">
        <v>12</v>
      </c>
      <c r="D79" s="11" t="s">
        <v>419</v>
      </c>
      <c r="E79" s="11" t="s">
        <v>45</v>
      </c>
      <c r="F79" s="16">
        <v>0.64999999999999991</v>
      </c>
      <c r="G79" s="11" t="s">
        <v>11</v>
      </c>
      <c r="H79" s="11" t="s">
        <v>11</v>
      </c>
      <c r="I79" s="11" t="s">
        <v>11</v>
      </c>
      <c r="J79" s="11" t="s">
        <v>14</v>
      </c>
    </row>
    <row r="80" spans="1:10" x14ac:dyDescent="0.25">
      <c r="A80" s="11" t="s">
        <v>563</v>
      </c>
      <c r="B80" s="11" t="s">
        <v>11</v>
      </c>
      <c r="C80" s="11" t="s">
        <v>12</v>
      </c>
      <c r="D80" s="11" t="s">
        <v>419</v>
      </c>
      <c r="E80" s="11" t="s">
        <v>45</v>
      </c>
      <c r="F80" s="16">
        <v>0.64999999999999991</v>
      </c>
      <c r="G80" s="11" t="s">
        <v>11</v>
      </c>
      <c r="H80" s="11" t="s">
        <v>11</v>
      </c>
      <c r="I80" s="11" t="s">
        <v>11</v>
      </c>
      <c r="J80" s="11" t="s">
        <v>14</v>
      </c>
    </row>
    <row r="81" spans="1:10" x14ac:dyDescent="0.25">
      <c r="A81" s="11" t="s">
        <v>564</v>
      </c>
      <c r="B81" s="11" t="s">
        <v>11</v>
      </c>
      <c r="C81" s="11" t="s">
        <v>12</v>
      </c>
      <c r="D81" s="11" t="s">
        <v>419</v>
      </c>
      <c r="E81" s="11" t="s">
        <v>45</v>
      </c>
      <c r="F81" s="16">
        <v>0.64999999999999991</v>
      </c>
      <c r="G81" s="11" t="s">
        <v>11</v>
      </c>
      <c r="H81" s="11" t="s">
        <v>11</v>
      </c>
      <c r="I81" s="11" t="s">
        <v>11</v>
      </c>
      <c r="J81" s="11" t="s">
        <v>14</v>
      </c>
    </row>
    <row r="82" spans="1:10" x14ac:dyDescent="0.25">
      <c r="A82" s="11" t="s">
        <v>565</v>
      </c>
      <c r="B82" s="11" t="s">
        <v>11</v>
      </c>
      <c r="C82" s="11" t="s">
        <v>12</v>
      </c>
      <c r="D82" s="11" t="s">
        <v>419</v>
      </c>
      <c r="E82" s="11" t="s">
        <v>45</v>
      </c>
      <c r="F82" s="16">
        <v>0.64999999999999991</v>
      </c>
      <c r="G82" s="11" t="s">
        <v>11</v>
      </c>
      <c r="H82" s="11" t="s">
        <v>11</v>
      </c>
      <c r="I82" s="11" t="s">
        <v>11</v>
      </c>
      <c r="J82" s="11" t="s">
        <v>14</v>
      </c>
    </row>
    <row r="83" spans="1:10" x14ac:dyDescent="0.25">
      <c r="A83" s="11" t="s">
        <v>566</v>
      </c>
      <c r="B83" s="11" t="s">
        <v>11</v>
      </c>
      <c r="C83" s="11" t="s">
        <v>12</v>
      </c>
      <c r="D83" s="11" t="s">
        <v>419</v>
      </c>
      <c r="E83" s="11" t="s">
        <v>45</v>
      </c>
      <c r="F83" s="16">
        <v>0.64999999999999991</v>
      </c>
      <c r="G83" s="11" t="s">
        <v>11</v>
      </c>
      <c r="H83" s="11" t="s">
        <v>11</v>
      </c>
      <c r="I83" s="11" t="s">
        <v>11</v>
      </c>
      <c r="J83" s="11" t="s">
        <v>14</v>
      </c>
    </row>
    <row r="84" spans="1:10" x14ac:dyDescent="0.25">
      <c r="A84" s="11" t="s">
        <v>567</v>
      </c>
      <c r="B84" s="11" t="s">
        <v>11</v>
      </c>
      <c r="C84" s="11" t="s">
        <v>12</v>
      </c>
      <c r="D84" s="11" t="s">
        <v>419</v>
      </c>
      <c r="E84" s="11" t="s">
        <v>45</v>
      </c>
      <c r="F84" s="16">
        <v>0.64999999999999991</v>
      </c>
      <c r="G84" s="11" t="s">
        <v>11</v>
      </c>
      <c r="H84" s="11" t="s">
        <v>11</v>
      </c>
      <c r="I84" s="11" t="s">
        <v>11</v>
      </c>
      <c r="J84" s="11" t="s">
        <v>14</v>
      </c>
    </row>
    <row r="85" spans="1:10" x14ac:dyDescent="0.25">
      <c r="A85" s="11" t="s">
        <v>568</v>
      </c>
      <c r="B85" s="11" t="s">
        <v>11</v>
      </c>
      <c r="C85" s="11" t="s">
        <v>12</v>
      </c>
      <c r="D85" s="11" t="s">
        <v>419</v>
      </c>
      <c r="E85" s="11" t="s">
        <v>45</v>
      </c>
      <c r="F85" s="16">
        <v>0.64999999999999991</v>
      </c>
      <c r="G85" s="11" t="s">
        <v>11</v>
      </c>
      <c r="H85" s="11" t="s">
        <v>11</v>
      </c>
      <c r="I85" s="11" t="s">
        <v>11</v>
      </c>
      <c r="J85" s="11" t="s">
        <v>14</v>
      </c>
    </row>
    <row r="86" spans="1:10" x14ac:dyDescent="0.25">
      <c r="A86" s="11" t="s">
        <v>569</v>
      </c>
      <c r="B86" s="11" t="s">
        <v>11</v>
      </c>
      <c r="C86" s="11" t="s">
        <v>12</v>
      </c>
      <c r="D86" s="11" t="s">
        <v>419</v>
      </c>
      <c r="E86" s="11" t="s">
        <v>45</v>
      </c>
      <c r="F86" s="16">
        <v>0.64999999999999991</v>
      </c>
      <c r="G86" s="11" t="s">
        <v>11</v>
      </c>
      <c r="H86" s="11" t="s">
        <v>11</v>
      </c>
      <c r="I86" s="11" t="s">
        <v>11</v>
      </c>
      <c r="J86" s="11" t="s">
        <v>14</v>
      </c>
    </row>
    <row r="87" spans="1:10" x14ac:dyDescent="0.25">
      <c r="A87" s="11" t="s">
        <v>570</v>
      </c>
      <c r="B87" s="11" t="s">
        <v>11</v>
      </c>
      <c r="C87" s="11" t="s">
        <v>12</v>
      </c>
      <c r="D87" s="11" t="s">
        <v>419</v>
      </c>
      <c r="E87" s="11" t="s">
        <v>45</v>
      </c>
      <c r="F87" s="16">
        <v>0.64999999999999991</v>
      </c>
      <c r="G87" s="11" t="s">
        <v>11</v>
      </c>
      <c r="H87" s="11" t="s">
        <v>11</v>
      </c>
      <c r="I87" s="11" t="s">
        <v>11</v>
      </c>
      <c r="J87" s="11" t="s">
        <v>14</v>
      </c>
    </row>
    <row r="88" spans="1:10" x14ac:dyDescent="0.25">
      <c r="A88" s="11" t="s">
        <v>571</v>
      </c>
      <c r="B88" s="11" t="s">
        <v>11</v>
      </c>
      <c r="C88" s="11" t="s">
        <v>12</v>
      </c>
      <c r="D88" s="11" t="s">
        <v>419</v>
      </c>
      <c r="E88" s="11" t="s">
        <v>45</v>
      </c>
      <c r="F88" s="16">
        <v>0.64999999999999991</v>
      </c>
      <c r="G88" s="11" t="s">
        <v>11</v>
      </c>
      <c r="H88" s="11" t="s">
        <v>11</v>
      </c>
      <c r="I88" s="11" t="s">
        <v>11</v>
      </c>
      <c r="J88" s="11" t="s">
        <v>14</v>
      </c>
    </row>
    <row r="89" spans="1:10" x14ac:dyDescent="0.25">
      <c r="A89" s="11" t="s">
        <v>572</v>
      </c>
      <c r="B89" s="11" t="s">
        <v>11</v>
      </c>
      <c r="C89" s="11" t="s">
        <v>12</v>
      </c>
      <c r="D89" s="11" t="s">
        <v>419</v>
      </c>
      <c r="E89" s="11" t="s">
        <v>45</v>
      </c>
      <c r="F89" s="16">
        <v>0.64999999999999991</v>
      </c>
      <c r="G89" s="11" t="s">
        <v>11</v>
      </c>
      <c r="H89" s="11" t="s">
        <v>11</v>
      </c>
      <c r="I89" s="11" t="s">
        <v>11</v>
      </c>
      <c r="J89" s="11" t="s">
        <v>14</v>
      </c>
    </row>
    <row r="90" spans="1:10" x14ac:dyDescent="0.25">
      <c r="A90" s="11" t="s">
        <v>573</v>
      </c>
      <c r="B90" s="11" t="s">
        <v>11</v>
      </c>
      <c r="C90" s="11" t="s">
        <v>12</v>
      </c>
      <c r="D90" s="11" t="s">
        <v>419</v>
      </c>
      <c r="E90" s="11" t="s">
        <v>45</v>
      </c>
      <c r="F90" s="16">
        <v>0.64999999999999991</v>
      </c>
      <c r="G90" s="11" t="s">
        <v>11</v>
      </c>
      <c r="H90" s="11" t="s">
        <v>11</v>
      </c>
      <c r="I90" s="11" t="s">
        <v>11</v>
      </c>
      <c r="J90" s="11" t="s">
        <v>14</v>
      </c>
    </row>
    <row r="91" spans="1:10" x14ac:dyDescent="0.25">
      <c r="A91" s="11" t="s">
        <v>574</v>
      </c>
      <c r="B91" s="11" t="s">
        <v>11</v>
      </c>
      <c r="C91" s="11" t="s">
        <v>12</v>
      </c>
      <c r="D91" s="11" t="s">
        <v>419</v>
      </c>
      <c r="E91" s="11" t="s">
        <v>45</v>
      </c>
      <c r="F91" s="16">
        <v>0.64999999999999991</v>
      </c>
      <c r="G91" s="11" t="s">
        <v>11</v>
      </c>
      <c r="H91" s="11" t="s">
        <v>11</v>
      </c>
      <c r="I91" s="11" t="s">
        <v>11</v>
      </c>
      <c r="J91" s="11" t="s">
        <v>14</v>
      </c>
    </row>
    <row r="92" spans="1:10" x14ac:dyDescent="0.25">
      <c r="A92" s="11" t="s">
        <v>575</v>
      </c>
      <c r="B92" s="11" t="s">
        <v>11</v>
      </c>
      <c r="C92" s="11" t="s">
        <v>12</v>
      </c>
      <c r="D92" s="11" t="s">
        <v>419</v>
      </c>
      <c r="E92" s="11" t="s">
        <v>45</v>
      </c>
      <c r="F92" s="16">
        <v>0.64999999999999991</v>
      </c>
      <c r="G92" s="11" t="s">
        <v>11</v>
      </c>
      <c r="H92" s="11" t="s">
        <v>11</v>
      </c>
      <c r="I92" s="11" t="s">
        <v>11</v>
      </c>
      <c r="J92" s="11" t="s">
        <v>14</v>
      </c>
    </row>
    <row r="93" spans="1:10" x14ac:dyDescent="0.25">
      <c r="A93" s="11" t="s">
        <v>576</v>
      </c>
      <c r="B93" s="11" t="s">
        <v>11</v>
      </c>
      <c r="C93" s="11" t="s">
        <v>12</v>
      </c>
      <c r="D93" s="11" t="s">
        <v>419</v>
      </c>
      <c r="E93" s="11" t="s">
        <v>45</v>
      </c>
      <c r="F93" s="16">
        <v>0.64999999999999991</v>
      </c>
      <c r="G93" s="11" t="s">
        <v>11</v>
      </c>
      <c r="H93" s="11" t="s">
        <v>11</v>
      </c>
      <c r="I93" s="11" t="s">
        <v>11</v>
      </c>
      <c r="J93" s="11" t="s">
        <v>14</v>
      </c>
    </row>
    <row r="94" spans="1:10" x14ac:dyDescent="0.25">
      <c r="A94" s="11" t="s">
        <v>577</v>
      </c>
      <c r="B94" s="11" t="s">
        <v>11</v>
      </c>
      <c r="C94" s="11" t="s">
        <v>12</v>
      </c>
      <c r="D94" s="11" t="s">
        <v>419</v>
      </c>
      <c r="E94" s="11" t="s">
        <v>45</v>
      </c>
      <c r="F94" s="16">
        <v>0.64999999999999991</v>
      </c>
      <c r="G94" s="11" t="s">
        <v>11</v>
      </c>
      <c r="H94" s="11" t="s">
        <v>11</v>
      </c>
      <c r="I94" s="11" t="s">
        <v>11</v>
      </c>
      <c r="J94" s="11" t="s">
        <v>14</v>
      </c>
    </row>
    <row r="95" spans="1:10" x14ac:dyDescent="0.25">
      <c r="A95" s="11" t="s">
        <v>578</v>
      </c>
      <c r="B95" s="11" t="s">
        <v>11</v>
      </c>
      <c r="C95" s="11" t="s">
        <v>12</v>
      </c>
      <c r="D95" s="11" t="s">
        <v>419</v>
      </c>
      <c r="E95" s="11" t="s">
        <v>45</v>
      </c>
      <c r="F95" s="16">
        <v>0.64999999999999991</v>
      </c>
      <c r="G95" s="11" t="s">
        <v>11</v>
      </c>
      <c r="H95" s="11" t="s">
        <v>11</v>
      </c>
      <c r="I95" s="11" t="s">
        <v>11</v>
      </c>
      <c r="J95" s="11" t="s">
        <v>14</v>
      </c>
    </row>
    <row r="96" spans="1:10" x14ac:dyDescent="0.25">
      <c r="A96" s="11" t="s">
        <v>579</v>
      </c>
      <c r="B96" s="11" t="s">
        <v>11</v>
      </c>
      <c r="C96" s="11" t="s">
        <v>12</v>
      </c>
      <c r="D96" s="11" t="s">
        <v>419</v>
      </c>
      <c r="E96" s="11" t="s">
        <v>45</v>
      </c>
      <c r="F96" s="16">
        <v>0.64999999999999991</v>
      </c>
      <c r="G96" s="11" t="s">
        <v>11</v>
      </c>
      <c r="H96" s="11" t="s">
        <v>11</v>
      </c>
      <c r="I96" s="11" t="s">
        <v>11</v>
      </c>
      <c r="J96" s="11" t="s">
        <v>14</v>
      </c>
    </row>
    <row r="97" spans="1:10" x14ac:dyDescent="0.25">
      <c r="A97" s="11" t="s">
        <v>580</v>
      </c>
      <c r="B97" s="11" t="s">
        <v>11</v>
      </c>
      <c r="C97" s="11" t="s">
        <v>12</v>
      </c>
      <c r="D97" s="11" t="s">
        <v>419</v>
      </c>
      <c r="E97" s="11" t="s">
        <v>45</v>
      </c>
      <c r="F97" s="16">
        <v>0.64999999999999991</v>
      </c>
      <c r="G97" s="11" t="s">
        <v>11</v>
      </c>
      <c r="H97" s="11" t="s">
        <v>11</v>
      </c>
      <c r="I97" s="11" t="s">
        <v>11</v>
      </c>
      <c r="J97" s="11" t="s">
        <v>14</v>
      </c>
    </row>
    <row r="98" spans="1:10" x14ac:dyDescent="0.25">
      <c r="A98" s="11" t="s">
        <v>581</v>
      </c>
      <c r="B98" s="11" t="s">
        <v>11</v>
      </c>
      <c r="C98" s="11" t="s">
        <v>12</v>
      </c>
      <c r="D98" s="11" t="s">
        <v>419</v>
      </c>
      <c r="E98" s="11" t="s">
        <v>45</v>
      </c>
      <c r="F98" s="16">
        <v>0.64999999999999991</v>
      </c>
      <c r="G98" s="11" t="s">
        <v>11</v>
      </c>
      <c r="H98" s="11" t="s">
        <v>11</v>
      </c>
      <c r="I98" s="11" t="s">
        <v>11</v>
      </c>
      <c r="J98" s="11" t="s">
        <v>14</v>
      </c>
    </row>
    <row r="99" spans="1:10" x14ac:dyDescent="0.25">
      <c r="A99" s="11" t="s">
        <v>582</v>
      </c>
      <c r="B99" s="11" t="s">
        <v>11</v>
      </c>
      <c r="C99" s="11" t="s">
        <v>12</v>
      </c>
      <c r="D99" s="11" t="s">
        <v>419</v>
      </c>
      <c r="E99" s="11" t="s">
        <v>45</v>
      </c>
      <c r="F99" s="16">
        <v>0.64999999999999991</v>
      </c>
      <c r="G99" s="11" t="s">
        <v>11</v>
      </c>
      <c r="H99" s="11" t="s">
        <v>11</v>
      </c>
      <c r="I99" s="11" t="s">
        <v>11</v>
      </c>
      <c r="J99" s="11" t="s">
        <v>14</v>
      </c>
    </row>
    <row r="100" spans="1:10" x14ac:dyDescent="0.25">
      <c r="A100" s="11" t="s">
        <v>583</v>
      </c>
      <c r="B100" s="11" t="s">
        <v>11</v>
      </c>
      <c r="C100" s="11" t="s">
        <v>12</v>
      </c>
      <c r="D100" s="11" t="s">
        <v>419</v>
      </c>
      <c r="E100" s="11" t="s">
        <v>45</v>
      </c>
      <c r="F100" s="16">
        <v>0.64999999999999991</v>
      </c>
      <c r="G100" s="11" t="s">
        <v>11</v>
      </c>
      <c r="H100" s="11" t="s">
        <v>11</v>
      </c>
      <c r="I100" s="11" t="s">
        <v>11</v>
      </c>
      <c r="J100" s="11" t="s">
        <v>14</v>
      </c>
    </row>
    <row r="101" spans="1:10" x14ac:dyDescent="0.25">
      <c r="A101" s="11" t="s">
        <v>584</v>
      </c>
      <c r="B101" s="11" t="s">
        <v>11</v>
      </c>
      <c r="C101" s="11" t="s">
        <v>12</v>
      </c>
      <c r="D101" s="11" t="s">
        <v>419</v>
      </c>
      <c r="E101" s="11" t="s">
        <v>45</v>
      </c>
      <c r="F101" s="16">
        <v>0.64999999999999991</v>
      </c>
      <c r="G101" s="11" t="s">
        <v>11</v>
      </c>
      <c r="H101" s="11" t="s">
        <v>11</v>
      </c>
      <c r="I101" s="11" t="s">
        <v>11</v>
      </c>
      <c r="J101" s="11" t="s">
        <v>14</v>
      </c>
    </row>
    <row r="102" spans="1:10" x14ac:dyDescent="0.25">
      <c r="A102" s="11" t="s">
        <v>585</v>
      </c>
      <c r="B102" s="11" t="s">
        <v>11</v>
      </c>
      <c r="C102" s="11" t="s">
        <v>12</v>
      </c>
      <c r="D102" s="11" t="s">
        <v>419</v>
      </c>
      <c r="E102" s="11" t="s">
        <v>45</v>
      </c>
      <c r="F102" s="16">
        <v>0.64999999999999991</v>
      </c>
      <c r="G102" s="11" t="s">
        <v>11</v>
      </c>
      <c r="H102" s="11" t="s">
        <v>11</v>
      </c>
      <c r="I102" s="11" t="s">
        <v>11</v>
      </c>
      <c r="J102" s="11" t="s">
        <v>14</v>
      </c>
    </row>
    <row r="103" spans="1:10" x14ac:dyDescent="0.25">
      <c r="A103" s="11" t="s">
        <v>586</v>
      </c>
      <c r="B103" s="11" t="s">
        <v>11</v>
      </c>
      <c r="C103" s="11" t="s">
        <v>12</v>
      </c>
      <c r="D103" s="11" t="s">
        <v>419</v>
      </c>
      <c r="E103" s="11" t="s">
        <v>45</v>
      </c>
      <c r="F103" s="16">
        <v>0.64999999999999991</v>
      </c>
      <c r="G103" s="11" t="s">
        <v>11</v>
      </c>
      <c r="H103" s="11" t="s">
        <v>11</v>
      </c>
      <c r="I103" s="11" t="s">
        <v>11</v>
      </c>
      <c r="J103" s="11" t="s">
        <v>14</v>
      </c>
    </row>
    <row r="104" spans="1:10" x14ac:dyDescent="0.25">
      <c r="A104" s="11" t="s">
        <v>587</v>
      </c>
      <c r="B104" s="11" t="s">
        <v>11</v>
      </c>
      <c r="C104" s="11" t="s">
        <v>12</v>
      </c>
      <c r="D104" s="11" t="s">
        <v>419</v>
      </c>
      <c r="E104" s="11" t="s">
        <v>45</v>
      </c>
      <c r="F104" s="16">
        <v>0.64999999999999991</v>
      </c>
      <c r="G104" s="11" t="s">
        <v>11</v>
      </c>
      <c r="H104" s="11" t="s">
        <v>11</v>
      </c>
      <c r="I104" s="11" t="s">
        <v>11</v>
      </c>
      <c r="J104" s="11" t="s">
        <v>14</v>
      </c>
    </row>
    <row r="105" spans="1:10" x14ac:dyDescent="0.25">
      <c r="A105" s="11" t="s">
        <v>588</v>
      </c>
      <c r="B105" s="11" t="s">
        <v>11</v>
      </c>
      <c r="C105" s="11" t="s">
        <v>12</v>
      </c>
      <c r="D105" s="11" t="s">
        <v>419</v>
      </c>
      <c r="E105" s="11" t="s">
        <v>45</v>
      </c>
      <c r="F105" s="16">
        <v>0.64999999999999991</v>
      </c>
      <c r="G105" s="11" t="s">
        <v>11</v>
      </c>
      <c r="H105" s="11" t="s">
        <v>11</v>
      </c>
      <c r="I105" s="11" t="s">
        <v>11</v>
      </c>
      <c r="J105" s="11" t="s">
        <v>14</v>
      </c>
    </row>
    <row r="106" spans="1:10" x14ac:dyDescent="0.25">
      <c r="A106" s="11" t="s">
        <v>589</v>
      </c>
      <c r="B106" s="11" t="s">
        <v>11</v>
      </c>
      <c r="C106" s="11" t="s">
        <v>12</v>
      </c>
      <c r="D106" s="11" t="s">
        <v>419</v>
      </c>
      <c r="E106" s="11" t="s">
        <v>45</v>
      </c>
      <c r="F106" s="16">
        <v>0.64999999999999991</v>
      </c>
      <c r="G106" s="11" t="s">
        <v>11</v>
      </c>
      <c r="H106" s="11" t="s">
        <v>11</v>
      </c>
      <c r="I106" s="11" t="s">
        <v>11</v>
      </c>
      <c r="J106" s="11" t="s">
        <v>14</v>
      </c>
    </row>
    <row r="107" spans="1:10" x14ac:dyDescent="0.25">
      <c r="A107" s="11" t="s">
        <v>590</v>
      </c>
      <c r="B107" s="11" t="s">
        <v>11</v>
      </c>
      <c r="C107" s="11" t="s">
        <v>12</v>
      </c>
      <c r="D107" s="11" t="s">
        <v>419</v>
      </c>
      <c r="E107" s="11" t="s">
        <v>45</v>
      </c>
      <c r="F107" s="16">
        <v>0.64999999999999991</v>
      </c>
      <c r="G107" s="11" t="s">
        <v>11</v>
      </c>
      <c r="H107" s="11" t="s">
        <v>11</v>
      </c>
      <c r="I107" s="11" t="s">
        <v>11</v>
      </c>
      <c r="J107" s="11" t="s">
        <v>14</v>
      </c>
    </row>
    <row r="108" spans="1:10" x14ac:dyDescent="0.25">
      <c r="A108" s="11" t="s">
        <v>591</v>
      </c>
      <c r="B108" s="11" t="s">
        <v>11</v>
      </c>
      <c r="C108" s="11" t="s">
        <v>12</v>
      </c>
      <c r="D108" s="11" t="s">
        <v>419</v>
      </c>
      <c r="E108" s="11" t="s">
        <v>45</v>
      </c>
      <c r="F108" s="16">
        <v>0.64999999999999991</v>
      </c>
      <c r="G108" s="11" t="s">
        <v>11</v>
      </c>
      <c r="H108" s="11" t="s">
        <v>11</v>
      </c>
      <c r="I108" s="11" t="s">
        <v>11</v>
      </c>
      <c r="J108" s="11" t="s">
        <v>14</v>
      </c>
    </row>
    <row r="109" spans="1:10" x14ac:dyDescent="0.25">
      <c r="A109" s="11" t="s">
        <v>592</v>
      </c>
      <c r="B109" s="11" t="s">
        <v>11</v>
      </c>
      <c r="C109" s="11" t="s">
        <v>12</v>
      </c>
      <c r="D109" s="11" t="s">
        <v>419</v>
      </c>
      <c r="E109" s="11" t="s">
        <v>45</v>
      </c>
      <c r="F109" s="16">
        <v>0.64999999999999991</v>
      </c>
      <c r="G109" s="11" t="s">
        <v>11</v>
      </c>
      <c r="H109" s="11" t="s">
        <v>11</v>
      </c>
      <c r="I109" s="11" t="s">
        <v>11</v>
      </c>
      <c r="J109" s="11" t="s">
        <v>14</v>
      </c>
    </row>
    <row r="110" spans="1:10" x14ac:dyDescent="0.25">
      <c r="A110" s="11" t="s">
        <v>593</v>
      </c>
      <c r="B110" s="11" t="s">
        <v>11</v>
      </c>
      <c r="C110" s="11" t="s">
        <v>12</v>
      </c>
      <c r="D110" s="11" t="s">
        <v>419</v>
      </c>
      <c r="E110" s="11" t="s">
        <v>45</v>
      </c>
      <c r="F110" s="16">
        <v>0.64999999999999991</v>
      </c>
      <c r="G110" s="11" t="s">
        <v>11</v>
      </c>
      <c r="H110" s="11" t="s">
        <v>11</v>
      </c>
      <c r="I110" s="11" t="s">
        <v>11</v>
      </c>
      <c r="J110" s="11" t="s">
        <v>14</v>
      </c>
    </row>
    <row r="111" spans="1:10" x14ac:dyDescent="0.25">
      <c r="A111" s="11" t="s">
        <v>594</v>
      </c>
      <c r="B111" s="11" t="s">
        <v>11</v>
      </c>
      <c r="C111" s="11" t="s">
        <v>12</v>
      </c>
      <c r="D111" s="11" t="s">
        <v>419</v>
      </c>
      <c r="E111" s="11" t="s">
        <v>45</v>
      </c>
      <c r="F111" s="16">
        <v>0.64999999999999991</v>
      </c>
      <c r="G111" s="11" t="s">
        <v>11</v>
      </c>
      <c r="H111" s="11" t="s">
        <v>11</v>
      </c>
      <c r="I111" s="11" t="s">
        <v>11</v>
      </c>
      <c r="J111" s="11" t="s">
        <v>14</v>
      </c>
    </row>
    <row r="112" spans="1:10" x14ac:dyDescent="0.25">
      <c r="A112" s="11" t="s">
        <v>595</v>
      </c>
      <c r="B112" s="11" t="s">
        <v>11</v>
      </c>
      <c r="C112" s="11" t="s">
        <v>12</v>
      </c>
      <c r="D112" s="11" t="s">
        <v>419</v>
      </c>
      <c r="E112" s="11" t="s">
        <v>45</v>
      </c>
      <c r="F112" s="16">
        <v>0.64999999999999991</v>
      </c>
      <c r="G112" s="11" t="s">
        <v>11</v>
      </c>
      <c r="H112" s="11" t="s">
        <v>11</v>
      </c>
      <c r="I112" s="11" t="s">
        <v>11</v>
      </c>
      <c r="J112" s="11" t="s">
        <v>14</v>
      </c>
    </row>
    <row r="113" spans="1:10" x14ac:dyDescent="0.25">
      <c r="A113" s="11" t="s">
        <v>596</v>
      </c>
      <c r="B113" s="11" t="s">
        <v>11</v>
      </c>
      <c r="C113" s="11" t="s">
        <v>12</v>
      </c>
      <c r="D113" s="11" t="s">
        <v>419</v>
      </c>
      <c r="E113" s="11" t="s">
        <v>45</v>
      </c>
      <c r="F113" s="16">
        <v>0.64999999999999991</v>
      </c>
      <c r="G113" s="11" t="s">
        <v>11</v>
      </c>
      <c r="H113" s="11" t="s">
        <v>11</v>
      </c>
      <c r="I113" s="11" t="s">
        <v>11</v>
      </c>
      <c r="J113" s="11" t="s">
        <v>14</v>
      </c>
    </row>
    <row r="114" spans="1:10" x14ac:dyDescent="0.25">
      <c r="A114" s="11" t="s">
        <v>597</v>
      </c>
      <c r="B114" s="11" t="s">
        <v>11</v>
      </c>
      <c r="C114" s="11" t="s">
        <v>12</v>
      </c>
      <c r="D114" s="11" t="s">
        <v>419</v>
      </c>
      <c r="E114" s="11" t="s">
        <v>45</v>
      </c>
      <c r="F114" s="16">
        <v>0.64999999999999991</v>
      </c>
      <c r="G114" s="11" t="s">
        <v>11</v>
      </c>
      <c r="H114" s="11" t="s">
        <v>11</v>
      </c>
      <c r="I114" s="11" t="s">
        <v>11</v>
      </c>
      <c r="J114" s="11" t="s">
        <v>14</v>
      </c>
    </row>
    <row r="115" spans="1:10" x14ac:dyDescent="0.25">
      <c r="A115" s="11" t="s">
        <v>598</v>
      </c>
      <c r="B115" s="11" t="s">
        <v>11</v>
      </c>
      <c r="C115" s="11" t="s">
        <v>12</v>
      </c>
      <c r="D115" s="11" t="s">
        <v>419</v>
      </c>
      <c r="E115" s="11" t="s">
        <v>45</v>
      </c>
      <c r="F115" s="16">
        <v>0.45259999999999989</v>
      </c>
      <c r="G115" s="11" t="s">
        <v>11</v>
      </c>
      <c r="H115" s="11" t="s">
        <v>11</v>
      </c>
      <c r="I115" s="11" t="s">
        <v>11</v>
      </c>
      <c r="J115" s="11" t="s">
        <v>14</v>
      </c>
    </row>
    <row r="116" spans="1:10" x14ac:dyDescent="0.25">
      <c r="A116" s="11" t="s">
        <v>599</v>
      </c>
      <c r="B116" s="11" t="s">
        <v>11</v>
      </c>
      <c r="C116" s="11" t="s">
        <v>12</v>
      </c>
      <c r="D116" s="11" t="s">
        <v>419</v>
      </c>
      <c r="E116" s="11" t="s">
        <v>45</v>
      </c>
      <c r="F116" s="16">
        <v>0.45259999999999989</v>
      </c>
      <c r="G116" s="11" t="s">
        <v>11</v>
      </c>
      <c r="H116" s="11" t="s">
        <v>11</v>
      </c>
      <c r="I116" s="11" t="s">
        <v>11</v>
      </c>
      <c r="J116" s="11" t="s">
        <v>14</v>
      </c>
    </row>
    <row r="117" spans="1:10" x14ac:dyDescent="0.25">
      <c r="A117" s="11" t="s">
        <v>600</v>
      </c>
      <c r="B117" s="11" t="s">
        <v>11</v>
      </c>
      <c r="C117" s="11" t="s">
        <v>12</v>
      </c>
      <c r="D117" s="11" t="s">
        <v>419</v>
      </c>
      <c r="E117" s="11" t="s">
        <v>45</v>
      </c>
      <c r="F117" s="16">
        <v>0.45259999999999989</v>
      </c>
      <c r="G117" s="11" t="s">
        <v>11</v>
      </c>
      <c r="H117" s="11" t="s">
        <v>11</v>
      </c>
      <c r="I117" s="11" t="s">
        <v>11</v>
      </c>
      <c r="J117" s="11" t="s">
        <v>14</v>
      </c>
    </row>
    <row r="118" spans="1:10" x14ac:dyDescent="0.25">
      <c r="A118" s="11" t="s">
        <v>601</v>
      </c>
      <c r="B118" s="11" t="s">
        <v>11</v>
      </c>
      <c r="C118" s="11" t="s">
        <v>12</v>
      </c>
      <c r="D118" s="11" t="s">
        <v>419</v>
      </c>
      <c r="E118" s="11" t="s">
        <v>45</v>
      </c>
      <c r="F118" s="16">
        <v>0.45259999999999989</v>
      </c>
      <c r="G118" s="11" t="s">
        <v>11</v>
      </c>
      <c r="H118" s="11" t="s">
        <v>11</v>
      </c>
      <c r="I118" s="11" t="s">
        <v>11</v>
      </c>
      <c r="J118" s="11" t="s">
        <v>14</v>
      </c>
    </row>
    <row r="119" spans="1:10" x14ac:dyDescent="0.25">
      <c r="A119" s="11" t="s">
        <v>602</v>
      </c>
      <c r="B119" s="11" t="s">
        <v>11</v>
      </c>
      <c r="C119" s="11" t="s">
        <v>12</v>
      </c>
      <c r="D119" s="11" t="s">
        <v>419</v>
      </c>
      <c r="E119" s="11" t="s">
        <v>45</v>
      </c>
      <c r="F119" s="16">
        <v>0.45259999999999989</v>
      </c>
      <c r="G119" s="11" t="s">
        <v>11</v>
      </c>
      <c r="H119" s="11" t="s">
        <v>11</v>
      </c>
      <c r="I119" s="11" t="s">
        <v>11</v>
      </c>
      <c r="J119" s="11" t="s">
        <v>14</v>
      </c>
    </row>
    <row r="120" spans="1:10" x14ac:dyDescent="0.25">
      <c r="A120" s="11" t="s">
        <v>603</v>
      </c>
      <c r="B120" s="11" t="s">
        <v>11</v>
      </c>
      <c r="C120" s="11" t="s">
        <v>12</v>
      </c>
      <c r="D120" s="11" t="s">
        <v>419</v>
      </c>
      <c r="E120" s="11" t="s">
        <v>45</v>
      </c>
      <c r="F120" s="16">
        <v>0.45259999999999989</v>
      </c>
      <c r="G120" s="11" t="s">
        <v>11</v>
      </c>
      <c r="H120" s="11" t="s">
        <v>11</v>
      </c>
      <c r="I120" s="11" t="s">
        <v>11</v>
      </c>
      <c r="J120" s="11" t="s">
        <v>14</v>
      </c>
    </row>
    <row r="121" spans="1:10" x14ac:dyDescent="0.25">
      <c r="A121" s="11" t="s">
        <v>604</v>
      </c>
      <c r="B121" s="11" t="s">
        <v>11</v>
      </c>
      <c r="C121" s="11" t="s">
        <v>12</v>
      </c>
      <c r="D121" s="11" t="s">
        <v>419</v>
      </c>
      <c r="E121" s="11" t="s">
        <v>45</v>
      </c>
      <c r="F121" s="16">
        <v>0.45259999999999989</v>
      </c>
      <c r="G121" s="11" t="s">
        <v>11</v>
      </c>
      <c r="H121" s="11" t="s">
        <v>11</v>
      </c>
      <c r="I121" s="11" t="s">
        <v>11</v>
      </c>
      <c r="J121" s="11" t="s">
        <v>14</v>
      </c>
    </row>
    <row r="122" spans="1:10" x14ac:dyDescent="0.25">
      <c r="A122" s="11" t="s">
        <v>605</v>
      </c>
      <c r="B122" s="11" t="s">
        <v>11</v>
      </c>
      <c r="C122" s="11" t="s">
        <v>12</v>
      </c>
      <c r="D122" s="11" t="s">
        <v>419</v>
      </c>
      <c r="E122" s="11" t="s">
        <v>45</v>
      </c>
      <c r="F122" s="16">
        <v>0.45259999999999989</v>
      </c>
      <c r="G122" s="11" t="s">
        <v>11</v>
      </c>
      <c r="H122" s="11" t="s">
        <v>11</v>
      </c>
      <c r="I122" s="11" t="s">
        <v>11</v>
      </c>
      <c r="J122" s="11" t="s">
        <v>14</v>
      </c>
    </row>
    <row r="123" spans="1:10" x14ac:dyDescent="0.25">
      <c r="A123" s="11" t="s">
        <v>606</v>
      </c>
      <c r="B123" s="11" t="s">
        <v>11</v>
      </c>
      <c r="C123" s="11" t="s">
        <v>12</v>
      </c>
      <c r="D123" s="11" t="s">
        <v>419</v>
      </c>
      <c r="E123" s="11" t="s">
        <v>45</v>
      </c>
      <c r="F123" s="16">
        <v>0.45259999999999989</v>
      </c>
      <c r="G123" s="11" t="s">
        <v>11</v>
      </c>
      <c r="H123" s="11" t="s">
        <v>11</v>
      </c>
      <c r="I123" s="11" t="s">
        <v>11</v>
      </c>
      <c r="J123" s="11" t="s">
        <v>14</v>
      </c>
    </row>
    <row r="124" spans="1:10" x14ac:dyDescent="0.25">
      <c r="A124" s="11" t="s">
        <v>607</v>
      </c>
      <c r="B124" s="11" t="s">
        <v>11</v>
      </c>
      <c r="C124" s="11" t="s">
        <v>12</v>
      </c>
      <c r="D124" s="11" t="s">
        <v>419</v>
      </c>
      <c r="E124" s="11" t="s">
        <v>45</v>
      </c>
      <c r="F124" s="16">
        <v>0.45259999999999989</v>
      </c>
      <c r="G124" s="11" t="s">
        <v>11</v>
      </c>
      <c r="H124" s="11" t="s">
        <v>11</v>
      </c>
      <c r="I124" s="11" t="s">
        <v>11</v>
      </c>
      <c r="J124" s="11" t="s">
        <v>14</v>
      </c>
    </row>
    <row r="125" spans="1:10" x14ac:dyDescent="0.25">
      <c r="A125" s="11" t="s">
        <v>608</v>
      </c>
      <c r="B125" s="11" t="s">
        <v>11</v>
      </c>
      <c r="C125" s="11" t="s">
        <v>12</v>
      </c>
      <c r="D125" s="11" t="s">
        <v>419</v>
      </c>
      <c r="E125" s="11" t="s">
        <v>45</v>
      </c>
      <c r="F125" s="16">
        <v>0.5169999999999999</v>
      </c>
      <c r="G125" s="11" t="s">
        <v>11</v>
      </c>
      <c r="H125" s="11" t="s">
        <v>11</v>
      </c>
      <c r="I125" s="11" t="s">
        <v>11</v>
      </c>
      <c r="J125" s="11" t="s">
        <v>14</v>
      </c>
    </row>
    <row r="126" spans="1:10" x14ac:dyDescent="0.25">
      <c r="A126" s="11" t="s">
        <v>609</v>
      </c>
      <c r="B126" s="11" t="s">
        <v>11</v>
      </c>
      <c r="C126" s="11" t="s">
        <v>12</v>
      </c>
      <c r="D126" s="11" t="s">
        <v>419</v>
      </c>
      <c r="E126" s="11" t="s">
        <v>45</v>
      </c>
      <c r="F126" s="16">
        <v>0.5169999999999999</v>
      </c>
      <c r="G126" s="11" t="s">
        <v>11</v>
      </c>
      <c r="H126" s="11" t="s">
        <v>11</v>
      </c>
      <c r="I126" s="11" t="s">
        <v>11</v>
      </c>
      <c r="J126" s="11" t="s">
        <v>14</v>
      </c>
    </row>
    <row r="127" spans="1:10" x14ac:dyDescent="0.25">
      <c r="A127" s="11" t="s">
        <v>610</v>
      </c>
      <c r="B127" s="11" t="s">
        <v>11</v>
      </c>
      <c r="C127" s="11" t="s">
        <v>12</v>
      </c>
      <c r="D127" s="11" t="s">
        <v>419</v>
      </c>
      <c r="E127" s="11" t="s">
        <v>45</v>
      </c>
      <c r="F127" s="16">
        <v>0.5169999999999999</v>
      </c>
      <c r="G127" s="11" t="s">
        <v>11</v>
      </c>
      <c r="H127" s="11" t="s">
        <v>11</v>
      </c>
      <c r="I127" s="11" t="s">
        <v>11</v>
      </c>
      <c r="J127" s="11" t="s">
        <v>14</v>
      </c>
    </row>
    <row r="128" spans="1:10" x14ac:dyDescent="0.25">
      <c r="A128" s="11" t="s">
        <v>611</v>
      </c>
      <c r="B128" s="11" t="s">
        <v>11</v>
      </c>
      <c r="C128" s="11" t="s">
        <v>12</v>
      </c>
      <c r="D128" s="11" t="s">
        <v>419</v>
      </c>
      <c r="E128" s="11" t="s">
        <v>45</v>
      </c>
      <c r="F128" s="16">
        <v>0.5169999999999999</v>
      </c>
      <c r="G128" s="11" t="s">
        <v>11</v>
      </c>
      <c r="H128" s="11" t="s">
        <v>11</v>
      </c>
      <c r="I128" s="11" t="s">
        <v>11</v>
      </c>
      <c r="J128" s="11" t="s">
        <v>14</v>
      </c>
    </row>
    <row r="129" spans="1:10" x14ac:dyDescent="0.25">
      <c r="A129" s="11" t="s">
        <v>612</v>
      </c>
      <c r="B129" s="11" t="s">
        <v>11</v>
      </c>
      <c r="C129" s="11" t="s">
        <v>12</v>
      </c>
      <c r="D129" s="11" t="s">
        <v>419</v>
      </c>
      <c r="E129" s="11" t="s">
        <v>45</v>
      </c>
      <c r="F129" s="16">
        <v>0.5169999999999999</v>
      </c>
      <c r="G129" s="11" t="s">
        <v>11</v>
      </c>
      <c r="H129" s="11" t="s">
        <v>11</v>
      </c>
      <c r="I129" s="11" t="s">
        <v>11</v>
      </c>
      <c r="J129" s="11" t="s">
        <v>14</v>
      </c>
    </row>
    <row r="130" spans="1:10" x14ac:dyDescent="0.25">
      <c r="A130" s="11" t="s">
        <v>613</v>
      </c>
      <c r="B130" s="11" t="s">
        <v>11</v>
      </c>
      <c r="C130" s="11" t="s">
        <v>12</v>
      </c>
      <c r="D130" s="11" t="s">
        <v>419</v>
      </c>
      <c r="E130" s="11" t="s">
        <v>45</v>
      </c>
      <c r="F130" s="16">
        <v>0.5169999999999999</v>
      </c>
      <c r="G130" s="11" t="s">
        <v>11</v>
      </c>
      <c r="H130" s="11" t="s">
        <v>11</v>
      </c>
      <c r="I130" s="11" t="s">
        <v>11</v>
      </c>
      <c r="J130" s="11" t="s">
        <v>14</v>
      </c>
    </row>
    <row r="131" spans="1:10" x14ac:dyDescent="0.25">
      <c r="A131" s="11" t="s">
        <v>614</v>
      </c>
      <c r="B131" s="11" t="s">
        <v>11</v>
      </c>
      <c r="C131" s="11" t="s">
        <v>12</v>
      </c>
      <c r="D131" s="11" t="s">
        <v>419</v>
      </c>
      <c r="E131" s="11" t="s">
        <v>45</v>
      </c>
      <c r="F131" s="16">
        <v>0.5169999999999999</v>
      </c>
      <c r="G131" s="11" t="s">
        <v>11</v>
      </c>
      <c r="H131" s="11" t="s">
        <v>11</v>
      </c>
      <c r="I131" s="11" t="s">
        <v>11</v>
      </c>
      <c r="J131" s="11" t="s">
        <v>14</v>
      </c>
    </row>
    <row r="132" spans="1:10" x14ac:dyDescent="0.25">
      <c r="A132" s="11" t="s">
        <v>615</v>
      </c>
      <c r="B132" s="11" t="s">
        <v>11</v>
      </c>
      <c r="C132" s="11" t="s">
        <v>12</v>
      </c>
      <c r="D132" s="11" t="s">
        <v>419</v>
      </c>
      <c r="E132" s="11" t="s">
        <v>45</v>
      </c>
      <c r="F132" s="16">
        <v>0.5169999999999999</v>
      </c>
      <c r="G132" s="11" t="s">
        <v>11</v>
      </c>
      <c r="H132" s="11" t="s">
        <v>11</v>
      </c>
      <c r="I132" s="11" t="s">
        <v>11</v>
      </c>
      <c r="J132" s="11" t="s">
        <v>14</v>
      </c>
    </row>
    <row r="133" spans="1:10" x14ac:dyDescent="0.25">
      <c r="A133" s="11" t="s">
        <v>616</v>
      </c>
      <c r="B133" s="11" t="s">
        <v>11</v>
      </c>
      <c r="C133" s="11" t="s">
        <v>12</v>
      </c>
      <c r="D133" s="11" t="s">
        <v>419</v>
      </c>
      <c r="E133" s="11" t="s">
        <v>45</v>
      </c>
      <c r="F133" s="16">
        <v>0.5169999999999999</v>
      </c>
      <c r="G133" s="11" t="s">
        <v>11</v>
      </c>
      <c r="H133" s="11" t="s">
        <v>11</v>
      </c>
      <c r="I133" s="11" t="s">
        <v>11</v>
      </c>
      <c r="J133" s="11" t="s">
        <v>14</v>
      </c>
    </row>
    <row r="134" spans="1:10" x14ac:dyDescent="0.25">
      <c r="A134" s="11" t="s">
        <v>617</v>
      </c>
      <c r="B134" s="11" t="s">
        <v>11</v>
      </c>
      <c r="C134" s="11" t="s">
        <v>12</v>
      </c>
      <c r="D134" s="11" t="s">
        <v>419</v>
      </c>
      <c r="E134" s="11" t="s">
        <v>45</v>
      </c>
      <c r="F134" s="16">
        <v>0.5169999999999999</v>
      </c>
      <c r="G134" s="11" t="s">
        <v>11</v>
      </c>
      <c r="H134" s="11" t="s">
        <v>11</v>
      </c>
      <c r="I134" s="11" t="s">
        <v>11</v>
      </c>
      <c r="J134" s="11" t="s">
        <v>14</v>
      </c>
    </row>
    <row r="135" spans="1:10" x14ac:dyDescent="0.25">
      <c r="A135" s="11" t="s">
        <v>618</v>
      </c>
      <c r="B135" s="11" t="s">
        <v>11</v>
      </c>
      <c r="C135" s="11" t="s">
        <v>12</v>
      </c>
      <c r="D135" s="11" t="s">
        <v>419</v>
      </c>
      <c r="E135" s="11" t="s">
        <v>45</v>
      </c>
      <c r="F135" s="16">
        <v>0.5169999999999999</v>
      </c>
      <c r="G135" s="11" t="s">
        <v>11</v>
      </c>
      <c r="H135" s="11" t="s">
        <v>11</v>
      </c>
      <c r="I135" s="11" t="s">
        <v>11</v>
      </c>
      <c r="J135" s="11" t="s">
        <v>14</v>
      </c>
    </row>
    <row r="136" spans="1:10" x14ac:dyDescent="0.25">
      <c r="A136" s="11" t="s">
        <v>619</v>
      </c>
      <c r="B136" s="11" t="s">
        <v>11</v>
      </c>
      <c r="C136" s="11" t="s">
        <v>12</v>
      </c>
      <c r="D136" s="11" t="s">
        <v>419</v>
      </c>
      <c r="E136" s="11" t="s">
        <v>45</v>
      </c>
      <c r="F136" s="16">
        <v>0.5169999999999999</v>
      </c>
      <c r="G136" s="11" t="s">
        <v>11</v>
      </c>
      <c r="H136" s="11" t="s">
        <v>11</v>
      </c>
      <c r="I136" s="11" t="s">
        <v>11</v>
      </c>
      <c r="J136" s="11" t="s">
        <v>14</v>
      </c>
    </row>
    <row r="137" spans="1:10" x14ac:dyDescent="0.25">
      <c r="A137" s="11" t="s">
        <v>620</v>
      </c>
      <c r="B137" s="11" t="s">
        <v>11</v>
      </c>
      <c r="C137" s="11" t="s">
        <v>12</v>
      </c>
      <c r="D137" s="11" t="s">
        <v>419</v>
      </c>
      <c r="E137" s="11" t="s">
        <v>45</v>
      </c>
      <c r="F137" s="16">
        <v>0.5169999999999999</v>
      </c>
      <c r="G137" s="11" t="s">
        <v>11</v>
      </c>
      <c r="H137" s="11" t="s">
        <v>11</v>
      </c>
      <c r="I137" s="11" t="s">
        <v>11</v>
      </c>
      <c r="J137" s="11" t="s">
        <v>14</v>
      </c>
    </row>
    <row r="138" spans="1:10" x14ac:dyDescent="0.25">
      <c r="A138" s="11" t="s">
        <v>621</v>
      </c>
      <c r="B138" s="11" t="s">
        <v>11</v>
      </c>
      <c r="C138" s="11" t="s">
        <v>12</v>
      </c>
      <c r="D138" s="11" t="s">
        <v>419</v>
      </c>
      <c r="E138" s="11" t="s">
        <v>45</v>
      </c>
      <c r="F138" s="16">
        <v>0.5169999999999999</v>
      </c>
      <c r="G138" s="11" t="s">
        <v>11</v>
      </c>
      <c r="H138" s="11" t="s">
        <v>11</v>
      </c>
      <c r="I138" s="11" t="s">
        <v>11</v>
      </c>
      <c r="J138" s="11" t="s">
        <v>14</v>
      </c>
    </row>
    <row r="139" spans="1:10" x14ac:dyDescent="0.25">
      <c r="A139" s="11" t="s">
        <v>622</v>
      </c>
      <c r="B139" s="11" t="s">
        <v>11</v>
      </c>
      <c r="C139" s="11" t="s">
        <v>12</v>
      </c>
      <c r="D139" s="11" t="s">
        <v>419</v>
      </c>
      <c r="E139" s="11" t="s">
        <v>45</v>
      </c>
      <c r="F139" s="16">
        <v>0.5169999999999999</v>
      </c>
      <c r="G139" s="11" t="s">
        <v>11</v>
      </c>
      <c r="H139" s="11" t="s">
        <v>11</v>
      </c>
      <c r="I139" s="11" t="s">
        <v>11</v>
      </c>
      <c r="J139" s="11" t="s">
        <v>14</v>
      </c>
    </row>
    <row r="140" spans="1:10" x14ac:dyDescent="0.25">
      <c r="A140" s="11" t="s">
        <v>623</v>
      </c>
      <c r="B140" s="11" t="s">
        <v>11</v>
      </c>
      <c r="C140" s="11" t="s">
        <v>12</v>
      </c>
      <c r="D140" s="11" t="s">
        <v>419</v>
      </c>
      <c r="E140" s="11" t="s">
        <v>45</v>
      </c>
      <c r="F140" s="16">
        <v>0.5169999999999999</v>
      </c>
      <c r="G140" s="11" t="s">
        <v>11</v>
      </c>
      <c r="H140" s="11" t="s">
        <v>11</v>
      </c>
      <c r="I140" s="11" t="s">
        <v>11</v>
      </c>
      <c r="J140" s="11" t="s">
        <v>14</v>
      </c>
    </row>
    <row r="141" spans="1:10" x14ac:dyDescent="0.25">
      <c r="A141" s="11" t="s">
        <v>624</v>
      </c>
      <c r="B141" s="11" t="s">
        <v>11</v>
      </c>
      <c r="C141" s="11" t="s">
        <v>12</v>
      </c>
      <c r="D141" s="11" t="s">
        <v>419</v>
      </c>
      <c r="E141" s="11" t="s">
        <v>45</v>
      </c>
      <c r="F141" s="16">
        <v>0.5169999999999999</v>
      </c>
      <c r="G141" s="11" t="s">
        <v>11</v>
      </c>
      <c r="H141" s="11" t="s">
        <v>11</v>
      </c>
      <c r="I141" s="11" t="s">
        <v>11</v>
      </c>
      <c r="J141" s="11" t="s">
        <v>14</v>
      </c>
    </row>
    <row r="142" spans="1:10" x14ac:dyDescent="0.25">
      <c r="A142" s="11" t="s">
        <v>625</v>
      </c>
      <c r="B142" s="11" t="s">
        <v>11</v>
      </c>
      <c r="C142" s="11" t="s">
        <v>12</v>
      </c>
      <c r="D142" s="11" t="s">
        <v>419</v>
      </c>
      <c r="E142" s="11" t="s">
        <v>45</v>
      </c>
      <c r="F142" s="16">
        <v>0.5169999999999999</v>
      </c>
      <c r="G142" s="11" t="s">
        <v>11</v>
      </c>
      <c r="H142" s="11" t="s">
        <v>11</v>
      </c>
      <c r="I142" s="11" t="s">
        <v>11</v>
      </c>
      <c r="J142" s="11" t="s">
        <v>14</v>
      </c>
    </row>
    <row r="143" spans="1:10" x14ac:dyDescent="0.25">
      <c r="A143" s="11" t="s">
        <v>626</v>
      </c>
      <c r="B143" s="11" t="s">
        <v>11</v>
      </c>
      <c r="C143" s="11" t="s">
        <v>12</v>
      </c>
      <c r="D143" s="11" t="s">
        <v>419</v>
      </c>
      <c r="E143" s="11" t="s">
        <v>45</v>
      </c>
      <c r="F143" s="16">
        <v>0.5169999999999999</v>
      </c>
      <c r="G143" s="11" t="s">
        <v>11</v>
      </c>
      <c r="H143" s="11" t="s">
        <v>11</v>
      </c>
      <c r="I143" s="11" t="s">
        <v>11</v>
      </c>
      <c r="J143" s="11" t="s">
        <v>14</v>
      </c>
    </row>
    <row r="144" spans="1:10" x14ac:dyDescent="0.25">
      <c r="A144" s="11" t="s">
        <v>627</v>
      </c>
      <c r="B144" s="11" t="s">
        <v>11</v>
      </c>
      <c r="C144" s="11" t="s">
        <v>12</v>
      </c>
      <c r="D144" s="11" t="s">
        <v>419</v>
      </c>
      <c r="E144" s="11" t="s">
        <v>45</v>
      </c>
      <c r="F144" s="16">
        <v>0.5169999999999999</v>
      </c>
      <c r="G144" s="11" t="s">
        <v>11</v>
      </c>
      <c r="H144" s="11" t="s">
        <v>11</v>
      </c>
      <c r="I144" s="11" t="s">
        <v>11</v>
      </c>
      <c r="J144" s="11" t="s">
        <v>14</v>
      </c>
    </row>
    <row r="145" spans="1:10" x14ac:dyDescent="0.25">
      <c r="A145" s="11" t="s">
        <v>628</v>
      </c>
      <c r="B145" s="11" t="s">
        <v>11</v>
      </c>
      <c r="C145" s="11" t="s">
        <v>12</v>
      </c>
      <c r="D145" s="11" t="s">
        <v>419</v>
      </c>
      <c r="E145" s="11" t="s">
        <v>45</v>
      </c>
      <c r="F145" s="16">
        <v>0.19999999999999996</v>
      </c>
      <c r="G145" s="11" t="s">
        <v>11</v>
      </c>
      <c r="H145" s="11" t="s">
        <v>11</v>
      </c>
      <c r="I145" s="11" t="s">
        <v>11</v>
      </c>
      <c r="J145" s="11" t="s">
        <v>14</v>
      </c>
    </row>
    <row r="146" spans="1:10" x14ac:dyDescent="0.25">
      <c r="A146" s="11" t="s">
        <v>629</v>
      </c>
      <c r="B146" s="11" t="s">
        <v>11</v>
      </c>
      <c r="C146" s="11" t="s">
        <v>12</v>
      </c>
      <c r="D146" s="11" t="s">
        <v>419</v>
      </c>
      <c r="E146" s="11" t="s">
        <v>45</v>
      </c>
      <c r="F146" s="16">
        <v>0.19999999999999996</v>
      </c>
      <c r="G146" s="11" t="s">
        <v>11</v>
      </c>
      <c r="H146" s="11" t="s">
        <v>11</v>
      </c>
      <c r="I146" s="11" t="s">
        <v>11</v>
      </c>
      <c r="J146" s="11" t="s">
        <v>14</v>
      </c>
    </row>
    <row r="147" spans="1:10" x14ac:dyDescent="0.25">
      <c r="A147" s="11" t="s">
        <v>630</v>
      </c>
      <c r="B147" s="11" t="s">
        <v>11</v>
      </c>
      <c r="C147" s="11" t="s">
        <v>12</v>
      </c>
      <c r="D147" s="11" t="s">
        <v>419</v>
      </c>
      <c r="E147" s="11" t="s">
        <v>45</v>
      </c>
      <c r="F147" s="16">
        <v>0.19999999999999996</v>
      </c>
      <c r="G147" s="11" t="s">
        <v>11</v>
      </c>
      <c r="H147" s="11" t="s">
        <v>11</v>
      </c>
      <c r="I147" s="11" t="s">
        <v>11</v>
      </c>
      <c r="J147" s="11" t="s">
        <v>14</v>
      </c>
    </row>
    <row r="148" spans="1:10" x14ac:dyDescent="0.25">
      <c r="A148" s="11" t="s">
        <v>631</v>
      </c>
      <c r="B148" s="11" t="s">
        <v>11</v>
      </c>
      <c r="C148" s="11" t="s">
        <v>12</v>
      </c>
      <c r="D148" s="11" t="s">
        <v>419</v>
      </c>
      <c r="E148" s="11" t="s">
        <v>45</v>
      </c>
      <c r="F148" s="16">
        <v>0.19999999999999996</v>
      </c>
      <c r="G148" s="11" t="s">
        <v>11</v>
      </c>
      <c r="H148" s="11" t="s">
        <v>11</v>
      </c>
      <c r="I148" s="11" t="s">
        <v>11</v>
      </c>
      <c r="J148" s="11" t="s">
        <v>14</v>
      </c>
    </row>
    <row r="149" spans="1:10" x14ac:dyDescent="0.25">
      <c r="A149" s="11" t="s">
        <v>632</v>
      </c>
      <c r="B149" s="11" t="s">
        <v>11</v>
      </c>
      <c r="C149" s="11" t="s">
        <v>12</v>
      </c>
      <c r="D149" s="11" t="s">
        <v>419</v>
      </c>
      <c r="E149" s="11" t="s">
        <v>45</v>
      </c>
      <c r="F149" s="16">
        <v>0.19999999999999996</v>
      </c>
      <c r="G149" s="11" t="s">
        <v>11</v>
      </c>
      <c r="H149" s="11" t="s">
        <v>11</v>
      </c>
      <c r="I149" s="11" t="s">
        <v>11</v>
      </c>
      <c r="J149" s="11" t="s">
        <v>14</v>
      </c>
    </row>
    <row r="150" spans="1:10" x14ac:dyDescent="0.25">
      <c r="A150" s="11" t="s">
        <v>633</v>
      </c>
      <c r="B150" s="11" t="s">
        <v>11</v>
      </c>
      <c r="C150" s="11" t="s">
        <v>12</v>
      </c>
      <c r="D150" s="11" t="s">
        <v>419</v>
      </c>
      <c r="E150" s="11" t="s">
        <v>45</v>
      </c>
      <c r="F150" s="16">
        <v>0.19999999999999996</v>
      </c>
      <c r="G150" s="11" t="s">
        <v>11</v>
      </c>
      <c r="H150" s="11" t="s">
        <v>11</v>
      </c>
      <c r="I150" s="11" t="s">
        <v>11</v>
      </c>
      <c r="J150" s="11" t="s">
        <v>14</v>
      </c>
    </row>
    <row r="151" spans="1:10" x14ac:dyDescent="0.25">
      <c r="A151" s="11" t="s">
        <v>634</v>
      </c>
      <c r="B151" s="11" t="s">
        <v>11</v>
      </c>
      <c r="C151" s="11" t="s">
        <v>12</v>
      </c>
      <c r="D151" s="11" t="s">
        <v>419</v>
      </c>
      <c r="E151" s="11" t="s">
        <v>45</v>
      </c>
      <c r="F151" s="16">
        <v>0.19999999999999996</v>
      </c>
      <c r="G151" s="11" t="s">
        <v>11</v>
      </c>
      <c r="H151" s="11" t="s">
        <v>11</v>
      </c>
      <c r="I151" s="11" t="s">
        <v>11</v>
      </c>
      <c r="J151" s="11" t="s">
        <v>14</v>
      </c>
    </row>
    <row r="152" spans="1:10" x14ac:dyDescent="0.25">
      <c r="A152" s="11" t="s">
        <v>635</v>
      </c>
      <c r="B152" s="11" t="s">
        <v>11</v>
      </c>
      <c r="C152" s="11" t="s">
        <v>12</v>
      </c>
      <c r="D152" s="11" t="s">
        <v>419</v>
      </c>
      <c r="E152" s="11" t="s">
        <v>45</v>
      </c>
      <c r="F152" s="16">
        <v>0.19999999999999996</v>
      </c>
      <c r="G152" s="11" t="s">
        <v>11</v>
      </c>
      <c r="H152" s="11" t="s">
        <v>11</v>
      </c>
      <c r="I152" s="11" t="s">
        <v>11</v>
      </c>
      <c r="J152" s="11" t="s">
        <v>14</v>
      </c>
    </row>
    <row r="153" spans="1:10" x14ac:dyDescent="0.25">
      <c r="A153" s="11" t="s">
        <v>636</v>
      </c>
      <c r="B153" s="11" t="s">
        <v>11</v>
      </c>
      <c r="C153" s="11" t="s">
        <v>12</v>
      </c>
      <c r="D153" s="11" t="s">
        <v>419</v>
      </c>
      <c r="E153" s="11" t="s">
        <v>45</v>
      </c>
      <c r="F153" s="16">
        <v>0.19999999999999996</v>
      </c>
      <c r="G153" s="11" t="s">
        <v>11</v>
      </c>
      <c r="H153" s="11" t="s">
        <v>11</v>
      </c>
      <c r="I153" s="11" t="s">
        <v>11</v>
      </c>
      <c r="J153" s="11" t="s">
        <v>14</v>
      </c>
    </row>
    <row r="154" spans="1:10" x14ac:dyDescent="0.25">
      <c r="A154" s="11" t="s">
        <v>637</v>
      </c>
      <c r="B154" s="11" t="s">
        <v>11</v>
      </c>
      <c r="C154" s="11" t="s">
        <v>12</v>
      </c>
      <c r="D154" s="11" t="s">
        <v>419</v>
      </c>
      <c r="E154" s="11" t="s">
        <v>45</v>
      </c>
      <c r="F154" s="16">
        <v>0.19999999999999996</v>
      </c>
      <c r="G154" s="11" t="s">
        <v>11</v>
      </c>
      <c r="H154" s="11" t="s">
        <v>11</v>
      </c>
      <c r="I154" s="11" t="s">
        <v>11</v>
      </c>
      <c r="J154" s="11" t="s">
        <v>14</v>
      </c>
    </row>
    <row r="155" spans="1:10" x14ac:dyDescent="0.25">
      <c r="A155" s="11" t="s">
        <v>638</v>
      </c>
      <c r="B155" s="11" t="s">
        <v>11</v>
      </c>
      <c r="C155" s="11" t="s">
        <v>12</v>
      </c>
      <c r="D155" s="11" t="s">
        <v>419</v>
      </c>
      <c r="E155" s="11" t="s">
        <v>45</v>
      </c>
      <c r="F155" s="16">
        <v>0.19999999999999996</v>
      </c>
      <c r="G155" s="11" t="s">
        <v>11</v>
      </c>
      <c r="H155" s="11" t="s">
        <v>11</v>
      </c>
      <c r="I155" s="11" t="s">
        <v>11</v>
      </c>
      <c r="J155" s="11" t="s">
        <v>14</v>
      </c>
    </row>
    <row r="156" spans="1:10" x14ac:dyDescent="0.25">
      <c r="A156" s="11" t="s">
        <v>639</v>
      </c>
      <c r="B156" s="11" t="s">
        <v>11</v>
      </c>
      <c r="C156" s="11" t="s">
        <v>12</v>
      </c>
      <c r="D156" s="11" t="s">
        <v>419</v>
      </c>
      <c r="E156" s="11" t="s">
        <v>45</v>
      </c>
      <c r="F156" s="16">
        <v>0.19999999999999996</v>
      </c>
      <c r="G156" s="11" t="s">
        <v>11</v>
      </c>
      <c r="H156" s="11" t="s">
        <v>11</v>
      </c>
      <c r="I156" s="11" t="s">
        <v>11</v>
      </c>
      <c r="J156" s="11" t="s">
        <v>14</v>
      </c>
    </row>
    <row r="157" spans="1:10" x14ac:dyDescent="0.25">
      <c r="A157" s="11" t="s">
        <v>640</v>
      </c>
      <c r="B157" s="11" t="s">
        <v>11</v>
      </c>
      <c r="C157" s="11" t="s">
        <v>12</v>
      </c>
      <c r="D157" s="11" t="s">
        <v>419</v>
      </c>
      <c r="E157" s="11" t="s">
        <v>45</v>
      </c>
      <c r="F157" s="16">
        <v>0.19999999999999996</v>
      </c>
      <c r="G157" s="11" t="s">
        <v>11</v>
      </c>
      <c r="H157" s="11" t="s">
        <v>11</v>
      </c>
      <c r="I157" s="11" t="s">
        <v>11</v>
      </c>
      <c r="J157" s="11" t="s">
        <v>14</v>
      </c>
    </row>
    <row r="158" spans="1:10" x14ac:dyDescent="0.25">
      <c r="A158" s="11" t="s">
        <v>641</v>
      </c>
      <c r="B158" s="11" t="s">
        <v>11</v>
      </c>
      <c r="C158" s="11" t="s">
        <v>12</v>
      </c>
      <c r="D158" s="11" t="s">
        <v>419</v>
      </c>
      <c r="E158" s="11" t="s">
        <v>45</v>
      </c>
      <c r="F158" s="16">
        <v>0.60999999999999988</v>
      </c>
      <c r="G158" s="11" t="s">
        <v>11</v>
      </c>
      <c r="H158" s="11" t="s">
        <v>11</v>
      </c>
      <c r="I158" s="11" t="s">
        <v>11</v>
      </c>
      <c r="J158" s="11" t="s">
        <v>14</v>
      </c>
    </row>
    <row r="159" spans="1:10" x14ac:dyDescent="0.25">
      <c r="A159" s="11" t="s">
        <v>642</v>
      </c>
      <c r="B159" s="11" t="s">
        <v>11</v>
      </c>
      <c r="C159" s="11" t="s">
        <v>12</v>
      </c>
      <c r="D159" s="11" t="s">
        <v>419</v>
      </c>
      <c r="E159" s="11" t="s">
        <v>45</v>
      </c>
      <c r="F159" s="16">
        <v>0.62000000000000011</v>
      </c>
      <c r="G159" s="11" t="s">
        <v>11</v>
      </c>
      <c r="H159" s="11" t="s">
        <v>11</v>
      </c>
      <c r="I159" s="11" t="s">
        <v>11</v>
      </c>
      <c r="J159" s="11" t="s">
        <v>14</v>
      </c>
    </row>
    <row r="160" spans="1:10" x14ac:dyDescent="0.25">
      <c r="A160" s="11" t="s">
        <v>643</v>
      </c>
      <c r="B160" s="11" t="s">
        <v>11</v>
      </c>
      <c r="C160" s="11" t="s">
        <v>12</v>
      </c>
      <c r="D160" s="11" t="s">
        <v>419</v>
      </c>
      <c r="E160" s="11" t="s">
        <v>45</v>
      </c>
      <c r="F160" s="16">
        <v>0.62000000000000011</v>
      </c>
      <c r="G160" s="11" t="s">
        <v>11</v>
      </c>
      <c r="H160" s="11" t="s">
        <v>11</v>
      </c>
      <c r="I160" s="11" t="s">
        <v>11</v>
      </c>
      <c r="J160" s="11" t="s">
        <v>14</v>
      </c>
    </row>
    <row r="161" spans="1:10" x14ac:dyDescent="0.25">
      <c r="A161" s="11" t="s">
        <v>644</v>
      </c>
      <c r="B161" s="11" t="s">
        <v>11</v>
      </c>
      <c r="C161" s="11" t="s">
        <v>12</v>
      </c>
      <c r="D161" s="11" t="s">
        <v>419</v>
      </c>
      <c r="E161" s="11" t="s">
        <v>45</v>
      </c>
      <c r="F161" s="16">
        <v>0.72</v>
      </c>
      <c r="G161" s="11" t="s">
        <v>11</v>
      </c>
      <c r="H161" s="11" t="s">
        <v>11</v>
      </c>
      <c r="I161" s="11" t="s">
        <v>11</v>
      </c>
      <c r="J161" s="11" t="s">
        <v>14</v>
      </c>
    </row>
    <row r="162" spans="1:10" x14ac:dyDescent="0.25">
      <c r="A162" s="11" t="s">
        <v>645</v>
      </c>
      <c r="B162" s="11" t="s">
        <v>11</v>
      </c>
      <c r="C162" s="11" t="s">
        <v>12</v>
      </c>
      <c r="D162" s="11" t="s">
        <v>419</v>
      </c>
      <c r="E162" s="11" t="s">
        <v>45</v>
      </c>
      <c r="F162" s="16">
        <v>0.54</v>
      </c>
      <c r="G162" s="11" t="s">
        <v>11</v>
      </c>
      <c r="H162" s="11" t="s">
        <v>11</v>
      </c>
      <c r="I162" s="11" t="s">
        <v>11</v>
      </c>
      <c r="J162" s="11" t="s">
        <v>14</v>
      </c>
    </row>
    <row r="163" spans="1:10" x14ac:dyDescent="0.25">
      <c r="A163" s="11" t="s">
        <v>646</v>
      </c>
      <c r="B163" s="11" t="s">
        <v>11</v>
      </c>
      <c r="C163" s="11" t="s">
        <v>12</v>
      </c>
      <c r="D163" s="11" t="s">
        <v>419</v>
      </c>
      <c r="E163" s="11" t="s">
        <v>45</v>
      </c>
      <c r="F163" s="16">
        <v>0.54</v>
      </c>
      <c r="G163" s="11" t="s">
        <v>11</v>
      </c>
      <c r="H163" s="11" t="s">
        <v>11</v>
      </c>
      <c r="I163" s="11" t="s">
        <v>11</v>
      </c>
      <c r="J163" s="11" t="s">
        <v>14</v>
      </c>
    </row>
    <row r="164" spans="1:10" x14ac:dyDescent="0.25">
      <c r="A164" s="11" t="s">
        <v>647</v>
      </c>
      <c r="B164" s="11" t="s">
        <v>11</v>
      </c>
      <c r="C164" s="11" t="s">
        <v>12</v>
      </c>
      <c r="D164" s="11" t="s">
        <v>419</v>
      </c>
      <c r="E164" s="11" t="s">
        <v>45</v>
      </c>
      <c r="F164" s="16">
        <v>0.54</v>
      </c>
      <c r="G164" s="11" t="s">
        <v>11</v>
      </c>
      <c r="H164" s="11" t="s">
        <v>11</v>
      </c>
      <c r="I164" s="11" t="s">
        <v>11</v>
      </c>
      <c r="J164" s="11" t="s">
        <v>14</v>
      </c>
    </row>
    <row r="165" spans="1:10" x14ac:dyDescent="0.25">
      <c r="A165" s="11" t="s">
        <v>648</v>
      </c>
      <c r="B165" s="11" t="s">
        <v>11</v>
      </c>
      <c r="C165" s="11" t="s">
        <v>12</v>
      </c>
      <c r="D165" s="11" t="s">
        <v>419</v>
      </c>
      <c r="E165" s="11" t="s">
        <v>45</v>
      </c>
      <c r="F165" s="16">
        <v>0.54</v>
      </c>
      <c r="G165" s="11" t="s">
        <v>11</v>
      </c>
      <c r="H165" s="11" t="s">
        <v>11</v>
      </c>
      <c r="I165" s="11" t="s">
        <v>11</v>
      </c>
      <c r="J165" s="11" t="s">
        <v>14</v>
      </c>
    </row>
    <row r="166" spans="1:10" x14ac:dyDescent="0.25">
      <c r="A166" s="11" t="s">
        <v>649</v>
      </c>
      <c r="B166" s="11" t="s">
        <v>11</v>
      </c>
      <c r="C166" s="11" t="s">
        <v>12</v>
      </c>
      <c r="D166" s="11" t="s">
        <v>419</v>
      </c>
      <c r="E166" s="11" t="s">
        <v>45</v>
      </c>
      <c r="F166" s="16">
        <v>0.54</v>
      </c>
      <c r="G166" s="11" t="s">
        <v>11</v>
      </c>
      <c r="H166" s="11" t="s">
        <v>11</v>
      </c>
      <c r="I166" s="11" t="s">
        <v>11</v>
      </c>
      <c r="J166" s="11" t="s">
        <v>14</v>
      </c>
    </row>
    <row r="167" spans="1:10" x14ac:dyDescent="0.25">
      <c r="A167" s="11" t="s">
        <v>650</v>
      </c>
      <c r="B167" s="11" t="s">
        <v>11</v>
      </c>
      <c r="C167" s="11" t="s">
        <v>12</v>
      </c>
      <c r="D167" s="11" t="s">
        <v>419</v>
      </c>
      <c r="E167" s="11" t="s">
        <v>45</v>
      </c>
      <c r="F167" s="16">
        <v>0.54</v>
      </c>
      <c r="G167" s="11" t="s">
        <v>11</v>
      </c>
      <c r="H167" s="11" t="s">
        <v>11</v>
      </c>
      <c r="I167" s="11" t="s">
        <v>11</v>
      </c>
      <c r="J167" s="11" t="s">
        <v>14</v>
      </c>
    </row>
    <row r="168" spans="1:10" x14ac:dyDescent="0.25">
      <c r="A168" s="11" t="s">
        <v>651</v>
      </c>
      <c r="B168" s="11" t="s">
        <v>11</v>
      </c>
      <c r="C168" s="11" t="s">
        <v>12</v>
      </c>
      <c r="D168" s="11" t="s">
        <v>419</v>
      </c>
      <c r="E168" s="11" t="s">
        <v>45</v>
      </c>
      <c r="F168" s="16">
        <v>0.54</v>
      </c>
      <c r="G168" s="11" t="s">
        <v>11</v>
      </c>
      <c r="H168" s="11" t="s">
        <v>11</v>
      </c>
      <c r="I168" s="11" t="s">
        <v>11</v>
      </c>
      <c r="J168" s="11" t="s">
        <v>14</v>
      </c>
    </row>
    <row r="169" spans="1:10" x14ac:dyDescent="0.25">
      <c r="A169" s="11" t="s">
        <v>652</v>
      </c>
      <c r="B169" s="11" t="s">
        <v>11</v>
      </c>
      <c r="C169" s="11" t="s">
        <v>12</v>
      </c>
      <c r="D169" s="11" t="s">
        <v>419</v>
      </c>
      <c r="E169" s="11" t="s">
        <v>45</v>
      </c>
      <c r="F169" s="16">
        <v>0.54</v>
      </c>
      <c r="G169" s="11" t="s">
        <v>11</v>
      </c>
      <c r="H169" s="11" t="s">
        <v>11</v>
      </c>
      <c r="I169" s="11" t="s">
        <v>11</v>
      </c>
      <c r="J169" s="11" t="s">
        <v>14</v>
      </c>
    </row>
    <row r="170" spans="1:10" x14ac:dyDescent="0.25">
      <c r="A170" s="11" t="s">
        <v>653</v>
      </c>
      <c r="B170" s="11" t="s">
        <v>11</v>
      </c>
      <c r="C170" s="11" t="s">
        <v>12</v>
      </c>
      <c r="D170" s="11" t="s">
        <v>419</v>
      </c>
      <c r="E170" s="11" t="s">
        <v>45</v>
      </c>
      <c r="F170" s="16">
        <v>0.78</v>
      </c>
      <c r="G170" s="11" t="s">
        <v>11</v>
      </c>
      <c r="H170" s="11" t="s">
        <v>11</v>
      </c>
      <c r="I170" s="11" t="s">
        <v>11</v>
      </c>
      <c r="J170" s="11" t="s">
        <v>14</v>
      </c>
    </row>
    <row r="171" spans="1:10" x14ac:dyDescent="0.25">
      <c r="A171" s="11" t="s">
        <v>654</v>
      </c>
      <c r="B171" s="11" t="s">
        <v>11</v>
      </c>
      <c r="C171" s="11" t="s">
        <v>12</v>
      </c>
      <c r="D171" s="11" t="s">
        <v>419</v>
      </c>
      <c r="E171" s="11" t="s">
        <v>45</v>
      </c>
      <c r="F171" s="16">
        <v>0.78</v>
      </c>
      <c r="G171" s="11" t="s">
        <v>11</v>
      </c>
      <c r="H171" s="11" t="s">
        <v>11</v>
      </c>
      <c r="I171" s="11" t="s">
        <v>11</v>
      </c>
      <c r="J171" s="11" t="s">
        <v>14</v>
      </c>
    </row>
    <row r="172" spans="1:10" x14ac:dyDescent="0.25">
      <c r="A172" s="11" t="s">
        <v>655</v>
      </c>
      <c r="B172" s="11" t="s">
        <v>11</v>
      </c>
      <c r="C172" s="11" t="s">
        <v>12</v>
      </c>
      <c r="D172" s="11" t="s">
        <v>419</v>
      </c>
      <c r="E172" s="11" t="s">
        <v>45</v>
      </c>
      <c r="F172" s="16">
        <v>0.56999999999999984</v>
      </c>
      <c r="G172" s="11" t="s">
        <v>11</v>
      </c>
      <c r="H172" s="11" t="s">
        <v>11</v>
      </c>
      <c r="I172" s="11" t="s">
        <v>11</v>
      </c>
      <c r="J172" s="11" t="s">
        <v>14</v>
      </c>
    </row>
    <row r="173" spans="1:10" x14ac:dyDescent="0.25">
      <c r="A173" s="11" t="s">
        <v>656</v>
      </c>
      <c r="B173" s="11" t="s">
        <v>11</v>
      </c>
      <c r="C173" s="11" t="s">
        <v>12</v>
      </c>
      <c r="D173" s="11" t="s">
        <v>419</v>
      </c>
      <c r="E173" s="11" t="s">
        <v>45</v>
      </c>
      <c r="F173" s="16">
        <v>0.78</v>
      </c>
      <c r="G173" s="11" t="s">
        <v>11</v>
      </c>
      <c r="H173" s="11" t="s">
        <v>11</v>
      </c>
      <c r="I173" s="11" t="s">
        <v>11</v>
      </c>
      <c r="J173" s="11" t="s">
        <v>14</v>
      </c>
    </row>
    <row r="174" spans="1:10" x14ac:dyDescent="0.25">
      <c r="A174" s="11" t="s">
        <v>657</v>
      </c>
      <c r="B174" s="11" t="s">
        <v>11</v>
      </c>
      <c r="C174" s="11" t="s">
        <v>12</v>
      </c>
      <c r="D174" s="11" t="s">
        <v>419</v>
      </c>
      <c r="E174" s="11" t="s">
        <v>45</v>
      </c>
      <c r="F174" s="16">
        <v>0.39000000000000012</v>
      </c>
      <c r="G174" s="11" t="s">
        <v>11</v>
      </c>
      <c r="H174" s="11" t="s">
        <v>11</v>
      </c>
      <c r="I174" s="11" t="s">
        <v>11</v>
      </c>
      <c r="J174" s="11" t="s">
        <v>14</v>
      </c>
    </row>
    <row r="175" spans="1:10" x14ac:dyDescent="0.25">
      <c r="A175" s="11" t="s">
        <v>658</v>
      </c>
      <c r="B175" s="11" t="s">
        <v>11</v>
      </c>
      <c r="C175" s="11" t="s">
        <v>12</v>
      </c>
      <c r="D175" s="11" t="s">
        <v>419</v>
      </c>
      <c r="E175" s="11" t="s">
        <v>45</v>
      </c>
      <c r="F175" s="16">
        <v>0.35999999999999988</v>
      </c>
      <c r="G175" s="11" t="s">
        <v>11</v>
      </c>
      <c r="H175" s="11" t="s">
        <v>11</v>
      </c>
      <c r="I175" s="11" t="s">
        <v>11</v>
      </c>
      <c r="J175" s="11" t="s">
        <v>14</v>
      </c>
    </row>
    <row r="176" spans="1:10" x14ac:dyDescent="0.25">
      <c r="A176" s="11" t="s">
        <v>659</v>
      </c>
      <c r="B176" s="11" t="s">
        <v>11</v>
      </c>
      <c r="C176" s="11" t="s">
        <v>12</v>
      </c>
      <c r="D176" s="11" t="s">
        <v>419</v>
      </c>
      <c r="E176" s="11" t="s">
        <v>45</v>
      </c>
      <c r="F176" s="16">
        <v>0.35999999999999988</v>
      </c>
      <c r="G176" s="11" t="s">
        <v>11</v>
      </c>
      <c r="H176" s="11" t="s">
        <v>11</v>
      </c>
      <c r="I176" s="11" t="s">
        <v>11</v>
      </c>
      <c r="J176" s="11" t="s">
        <v>14</v>
      </c>
    </row>
    <row r="177" spans="1:10" x14ac:dyDescent="0.25">
      <c r="A177" s="11" t="s">
        <v>660</v>
      </c>
      <c r="B177" s="11" t="s">
        <v>11</v>
      </c>
      <c r="C177" s="11" t="s">
        <v>12</v>
      </c>
      <c r="D177" s="11" t="s">
        <v>419</v>
      </c>
      <c r="E177" s="11" t="s">
        <v>45</v>
      </c>
      <c r="F177" s="16">
        <v>0.35999999999999988</v>
      </c>
      <c r="G177" s="11" t="s">
        <v>11</v>
      </c>
      <c r="H177" s="11" t="s">
        <v>11</v>
      </c>
      <c r="I177" s="11" t="s">
        <v>11</v>
      </c>
      <c r="J177" s="11" t="s">
        <v>14</v>
      </c>
    </row>
    <row r="178" spans="1:10" x14ac:dyDescent="0.25">
      <c r="A178" s="11" t="s">
        <v>661</v>
      </c>
      <c r="B178" s="11" t="s">
        <v>11</v>
      </c>
      <c r="C178" s="11" t="s">
        <v>12</v>
      </c>
      <c r="D178" s="11" t="s">
        <v>419</v>
      </c>
      <c r="E178" s="11" t="s">
        <v>45</v>
      </c>
      <c r="F178" s="16">
        <v>0.45999999999999996</v>
      </c>
      <c r="G178" s="11" t="s">
        <v>11</v>
      </c>
      <c r="H178" s="11" t="s">
        <v>11</v>
      </c>
      <c r="I178" s="11" t="s">
        <v>11</v>
      </c>
      <c r="J178" s="11" t="s">
        <v>14</v>
      </c>
    </row>
    <row r="179" spans="1:10" x14ac:dyDescent="0.25">
      <c r="A179" s="11" t="s">
        <v>662</v>
      </c>
      <c r="B179" s="11" t="s">
        <v>11</v>
      </c>
      <c r="C179" s="11" t="s">
        <v>12</v>
      </c>
      <c r="D179" s="11" t="s">
        <v>419</v>
      </c>
      <c r="E179" s="11" t="s">
        <v>45</v>
      </c>
      <c r="F179" s="16">
        <v>0.53</v>
      </c>
      <c r="G179" s="11" t="s">
        <v>11</v>
      </c>
      <c r="H179" s="11" t="s">
        <v>11</v>
      </c>
      <c r="I179" s="11" t="s">
        <v>11</v>
      </c>
      <c r="J179" s="11" t="s">
        <v>14</v>
      </c>
    </row>
    <row r="180" spans="1:10" x14ac:dyDescent="0.25">
      <c r="A180" s="11" t="s">
        <v>663</v>
      </c>
      <c r="B180" s="11" t="s">
        <v>11</v>
      </c>
      <c r="C180" s="11" t="s">
        <v>12</v>
      </c>
      <c r="D180" s="11" t="s">
        <v>419</v>
      </c>
      <c r="E180" s="11" t="s">
        <v>45</v>
      </c>
      <c r="F180" s="16">
        <v>0.45999999999999996</v>
      </c>
      <c r="G180" s="11" t="s">
        <v>11</v>
      </c>
      <c r="H180" s="11" t="s">
        <v>11</v>
      </c>
      <c r="I180" s="11" t="s">
        <v>11</v>
      </c>
      <c r="J180" s="11" t="s">
        <v>14</v>
      </c>
    </row>
    <row r="181" spans="1:10" x14ac:dyDescent="0.25">
      <c r="A181" s="11" t="s">
        <v>664</v>
      </c>
      <c r="B181" s="11" t="s">
        <v>11</v>
      </c>
      <c r="C181" s="11" t="s">
        <v>12</v>
      </c>
      <c r="D181" s="11" t="s">
        <v>419</v>
      </c>
      <c r="E181" s="11" t="s">
        <v>45</v>
      </c>
      <c r="F181" s="16">
        <v>0.54600000000000004</v>
      </c>
      <c r="G181" s="11" t="s">
        <v>11</v>
      </c>
      <c r="H181" s="11" t="s">
        <v>11</v>
      </c>
      <c r="I181" s="11" t="s">
        <v>11</v>
      </c>
      <c r="J181" s="11" t="s">
        <v>14</v>
      </c>
    </row>
    <row r="182" spans="1:10" x14ac:dyDescent="0.25">
      <c r="A182" s="11" t="s">
        <v>665</v>
      </c>
      <c r="B182" s="11" t="s">
        <v>11</v>
      </c>
      <c r="C182" s="11" t="s">
        <v>12</v>
      </c>
      <c r="D182" s="11" t="s">
        <v>419</v>
      </c>
      <c r="E182" s="11" t="s">
        <v>45</v>
      </c>
      <c r="F182" s="16">
        <v>0.54600000000000004</v>
      </c>
      <c r="G182" s="11" t="s">
        <v>11</v>
      </c>
      <c r="H182" s="11" t="s">
        <v>11</v>
      </c>
      <c r="I182" s="11" t="s">
        <v>11</v>
      </c>
      <c r="J182" s="11" t="s">
        <v>14</v>
      </c>
    </row>
    <row r="183" spans="1:10" x14ac:dyDescent="0.25">
      <c r="A183" s="11" t="s">
        <v>666</v>
      </c>
      <c r="B183" s="11" t="s">
        <v>11</v>
      </c>
      <c r="C183" s="11" t="s">
        <v>12</v>
      </c>
      <c r="D183" s="11" t="s">
        <v>419</v>
      </c>
      <c r="E183" s="11" t="s">
        <v>45</v>
      </c>
      <c r="F183" s="16">
        <v>0.54600000000000004</v>
      </c>
      <c r="G183" s="11" t="s">
        <v>11</v>
      </c>
      <c r="H183" s="11" t="s">
        <v>11</v>
      </c>
      <c r="I183" s="11" t="s">
        <v>11</v>
      </c>
      <c r="J183" s="11" t="s">
        <v>14</v>
      </c>
    </row>
    <row r="184" spans="1:10" x14ac:dyDescent="0.25">
      <c r="A184" s="11" t="s">
        <v>667</v>
      </c>
      <c r="B184" s="11" t="s">
        <v>11</v>
      </c>
      <c r="C184" s="11" t="s">
        <v>12</v>
      </c>
      <c r="D184" s="11" t="s">
        <v>419</v>
      </c>
      <c r="E184" s="11" t="s">
        <v>45</v>
      </c>
      <c r="F184" s="16">
        <v>0.54600000000000004</v>
      </c>
      <c r="G184" s="11" t="s">
        <v>11</v>
      </c>
      <c r="H184" s="11" t="s">
        <v>11</v>
      </c>
      <c r="I184" s="11" t="s">
        <v>11</v>
      </c>
      <c r="J184" s="11" t="s">
        <v>14</v>
      </c>
    </row>
    <row r="185" spans="1:10" x14ac:dyDescent="0.25">
      <c r="A185" s="11" t="s">
        <v>668</v>
      </c>
      <c r="B185" s="11" t="s">
        <v>11</v>
      </c>
      <c r="C185" s="11" t="s">
        <v>12</v>
      </c>
      <c r="D185" s="11" t="s">
        <v>419</v>
      </c>
      <c r="E185" s="11" t="s">
        <v>45</v>
      </c>
      <c r="F185" s="16">
        <v>0.54600000000000004</v>
      </c>
      <c r="G185" s="11" t="s">
        <v>11</v>
      </c>
      <c r="H185" s="11" t="s">
        <v>11</v>
      </c>
      <c r="I185" s="11" t="s">
        <v>11</v>
      </c>
      <c r="J185" s="11" t="s">
        <v>14</v>
      </c>
    </row>
    <row r="186" spans="1:10" x14ac:dyDescent="0.25">
      <c r="A186" s="11" t="s">
        <v>669</v>
      </c>
      <c r="B186" s="11" t="s">
        <v>11</v>
      </c>
      <c r="C186" s="11" t="s">
        <v>12</v>
      </c>
      <c r="D186" s="11" t="s">
        <v>419</v>
      </c>
      <c r="E186" s="11" t="s">
        <v>45</v>
      </c>
      <c r="F186" s="16">
        <v>0.54600000000000004</v>
      </c>
      <c r="G186" s="11" t="s">
        <v>11</v>
      </c>
      <c r="H186" s="11" t="s">
        <v>11</v>
      </c>
      <c r="I186" s="11" t="s">
        <v>11</v>
      </c>
      <c r="J186" s="11" t="s">
        <v>14</v>
      </c>
    </row>
    <row r="187" spans="1:10" x14ac:dyDescent="0.25">
      <c r="A187" s="11" t="s">
        <v>670</v>
      </c>
      <c r="B187" s="11" t="s">
        <v>11</v>
      </c>
      <c r="C187" s="11" t="s">
        <v>12</v>
      </c>
      <c r="D187" s="11" t="s">
        <v>419</v>
      </c>
      <c r="E187" s="11" t="s">
        <v>45</v>
      </c>
      <c r="F187" s="16">
        <v>0.54600000000000004</v>
      </c>
      <c r="G187" s="11" t="s">
        <v>11</v>
      </c>
      <c r="H187" s="11" t="s">
        <v>11</v>
      </c>
      <c r="I187" s="11" t="s">
        <v>11</v>
      </c>
      <c r="J187" s="11" t="s">
        <v>14</v>
      </c>
    </row>
    <row r="188" spans="1:10" x14ac:dyDescent="0.25">
      <c r="A188" s="11" t="s">
        <v>671</v>
      </c>
      <c r="B188" s="11" t="s">
        <v>11</v>
      </c>
      <c r="C188" s="11" t="s">
        <v>12</v>
      </c>
      <c r="D188" s="11" t="s">
        <v>419</v>
      </c>
      <c r="E188" s="11" t="s">
        <v>45</v>
      </c>
      <c r="F188" s="16">
        <v>0.54600000000000004</v>
      </c>
      <c r="G188" s="11" t="s">
        <v>11</v>
      </c>
      <c r="H188" s="11" t="s">
        <v>11</v>
      </c>
      <c r="I188" s="11" t="s">
        <v>11</v>
      </c>
      <c r="J188" s="11" t="s">
        <v>14</v>
      </c>
    </row>
    <row r="189" spans="1:10" x14ac:dyDescent="0.25">
      <c r="A189" s="11" t="s">
        <v>672</v>
      </c>
      <c r="B189" s="11" t="s">
        <v>11</v>
      </c>
      <c r="C189" s="11" t="s">
        <v>12</v>
      </c>
      <c r="D189" s="11" t="s">
        <v>419</v>
      </c>
      <c r="E189" s="11" t="s">
        <v>45</v>
      </c>
      <c r="F189" s="16">
        <v>0.54600000000000004</v>
      </c>
      <c r="G189" s="11" t="s">
        <v>11</v>
      </c>
      <c r="H189" s="11" t="s">
        <v>11</v>
      </c>
      <c r="I189" s="11" t="s">
        <v>11</v>
      </c>
      <c r="J189" s="11" t="s">
        <v>14</v>
      </c>
    </row>
    <row r="190" spans="1:10" x14ac:dyDescent="0.25">
      <c r="A190" s="11" t="s">
        <v>673</v>
      </c>
      <c r="B190" s="11" t="s">
        <v>11</v>
      </c>
      <c r="C190" s="11" t="s">
        <v>12</v>
      </c>
      <c r="D190" s="11" t="s">
        <v>419</v>
      </c>
      <c r="E190" s="11" t="s">
        <v>45</v>
      </c>
      <c r="F190" s="16">
        <v>0.54600000000000004</v>
      </c>
      <c r="G190" s="11" t="s">
        <v>11</v>
      </c>
      <c r="H190" s="11" t="s">
        <v>11</v>
      </c>
      <c r="I190" s="11" t="s">
        <v>11</v>
      </c>
      <c r="J190" s="11" t="s">
        <v>14</v>
      </c>
    </row>
    <row r="191" spans="1:10" x14ac:dyDescent="0.25">
      <c r="A191" s="11" t="s">
        <v>674</v>
      </c>
      <c r="B191" s="11" t="s">
        <v>11</v>
      </c>
      <c r="C191" s="11" t="s">
        <v>12</v>
      </c>
      <c r="D191" s="11" t="s">
        <v>419</v>
      </c>
      <c r="E191" s="11" t="s">
        <v>45</v>
      </c>
      <c r="F191" s="16">
        <v>0.54600000000000004</v>
      </c>
      <c r="G191" s="11" t="s">
        <v>11</v>
      </c>
      <c r="H191" s="11" t="s">
        <v>11</v>
      </c>
      <c r="I191" s="11" t="s">
        <v>11</v>
      </c>
      <c r="J191" s="11" t="s">
        <v>14</v>
      </c>
    </row>
    <row r="192" spans="1:10" x14ac:dyDescent="0.25">
      <c r="A192" s="11" t="s">
        <v>675</v>
      </c>
      <c r="B192" s="11" t="s">
        <v>11</v>
      </c>
      <c r="C192" s="11" t="s">
        <v>12</v>
      </c>
      <c r="D192" s="11" t="s">
        <v>419</v>
      </c>
      <c r="E192" s="11" t="s">
        <v>45</v>
      </c>
      <c r="F192" s="16">
        <v>0.54600000000000004</v>
      </c>
      <c r="G192" s="11" t="s">
        <v>11</v>
      </c>
      <c r="H192" s="11" t="s">
        <v>11</v>
      </c>
      <c r="I192" s="11" t="s">
        <v>11</v>
      </c>
      <c r="J192" s="11" t="s">
        <v>14</v>
      </c>
    </row>
    <row r="193" spans="1:10" x14ac:dyDescent="0.25">
      <c r="A193" s="11" t="s">
        <v>676</v>
      </c>
      <c r="B193" s="11" t="s">
        <v>11</v>
      </c>
      <c r="C193" s="11" t="s">
        <v>12</v>
      </c>
      <c r="D193" s="11" t="s">
        <v>419</v>
      </c>
      <c r="E193" s="11" t="s">
        <v>45</v>
      </c>
      <c r="F193" s="16">
        <v>0.54600000000000004</v>
      </c>
      <c r="G193" s="11" t="s">
        <v>11</v>
      </c>
      <c r="H193" s="11" t="s">
        <v>11</v>
      </c>
      <c r="I193" s="11" t="s">
        <v>11</v>
      </c>
      <c r="J193" s="11" t="s">
        <v>14</v>
      </c>
    </row>
    <row r="194" spans="1:10" x14ac:dyDescent="0.25">
      <c r="A194" s="11" t="s">
        <v>677</v>
      </c>
      <c r="B194" s="11" t="s">
        <v>11</v>
      </c>
      <c r="C194" s="11" t="s">
        <v>12</v>
      </c>
      <c r="D194" s="11" t="s">
        <v>419</v>
      </c>
      <c r="E194" s="11" t="s">
        <v>45</v>
      </c>
      <c r="F194" s="16">
        <v>0.54600000000000004</v>
      </c>
      <c r="G194" s="11" t="s">
        <v>11</v>
      </c>
      <c r="H194" s="11" t="s">
        <v>11</v>
      </c>
      <c r="I194" s="11" t="s">
        <v>11</v>
      </c>
      <c r="J194" s="11" t="s">
        <v>14</v>
      </c>
    </row>
    <row r="195" spans="1:10" x14ac:dyDescent="0.25">
      <c r="A195" s="11" t="s">
        <v>678</v>
      </c>
      <c r="B195" s="11" t="s">
        <v>11</v>
      </c>
      <c r="C195" s="11" t="s">
        <v>12</v>
      </c>
      <c r="D195" s="11" t="s">
        <v>419</v>
      </c>
      <c r="E195" s="11" t="s">
        <v>45</v>
      </c>
      <c r="F195" s="16">
        <v>0.54600000000000004</v>
      </c>
      <c r="G195" s="11" t="s">
        <v>11</v>
      </c>
      <c r="H195" s="11" t="s">
        <v>11</v>
      </c>
      <c r="I195" s="11" t="s">
        <v>11</v>
      </c>
      <c r="J195" s="11" t="s">
        <v>14</v>
      </c>
    </row>
    <row r="196" spans="1:10" x14ac:dyDescent="0.25">
      <c r="A196" s="11" t="s">
        <v>679</v>
      </c>
      <c r="B196" s="11" t="s">
        <v>11</v>
      </c>
      <c r="C196" s="11" t="s">
        <v>12</v>
      </c>
      <c r="D196" s="11" t="s">
        <v>419</v>
      </c>
      <c r="E196" s="11" t="s">
        <v>45</v>
      </c>
      <c r="F196" s="16">
        <v>0.54600000000000004</v>
      </c>
      <c r="G196" s="11" t="s">
        <v>11</v>
      </c>
      <c r="H196" s="11" t="s">
        <v>11</v>
      </c>
      <c r="I196" s="11" t="s">
        <v>11</v>
      </c>
      <c r="J196" s="11" t="s">
        <v>14</v>
      </c>
    </row>
    <row r="197" spans="1:10" x14ac:dyDescent="0.25">
      <c r="A197" s="11" t="s">
        <v>680</v>
      </c>
      <c r="B197" s="11" t="s">
        <v>11</v>
      </c>
      <c r="C197" s="11" t="s">
        <v>12</v>
      </c>
      <c r="D197" s="11" t="s">
        <v>419</v>
      </c>
      <c r="E197" s="11" t="s">
        <v>45</v>
      </c>
      <c r="F197" s="16">
        <v>0.19999999999999996</v>
      </c>
      <c r="G197" s="11" t="s">
        <v>11</v>
      </c>
      <c r="H197" s="11" t="s">
        <v>11</v>
      </c>
      <c r="I197" s="11" t="s">
        <v>11</v>
      </c>
      <c r="J197" s="11" t="s">
        <v>14</v>
      </c>
    </row>
    <row r="198" spans="1:10" x14ac:dyDescent="0.25">
      <c r="A198" s="11" t="s">
        <v>681</v>
      </c>
      <c r="B198" s="11" t="s">
        <v>11</v>
      </c>
      <c r="C198" s="11" t="s">
        <v>12</v>
      </c>
      <c r="D198" s="11" t="s">
        <v>419</v>
      </c>
      <c r="E198" s="11" t="s">
        <v>45</v>
      </c>
      <c r="F198" s="16">
        <v>0.19999999999999996</v>
      </c>
      <c r="G198" s="11" t="s">
        <v>11</v>
      </c>
      <c r="H198" s="11" t="s">
        <v>11</v>
      </c>
      <c r="I198" s="11" t="s">
        <v>11</v>
      </c>
      <c r="J198" s="11" t="s">
        <v>14</v>
      </c>
    </row>
    <row r="199" spans="1:10" x14ac:dyDescent="0.25">
      <c r="A199" s="11" t="s">
        <v>682</v>
      </c>
      <c r="B199" s="11" t="s">
        <v>11</v>
      </c>
      <c r="C199" s="11" t="s">
        <v>12</v>
      </c>
      <c r="D199" s="11" t="s">
        <v>419</v>
      </c>
      <c r="E199" s="11" t="s">
        <v>45</v>
      </c>
      <c r="F199" s="16">
        <v>0.19999999999999996</v>
      </c>
      <c r="G199" s="11" t="s">
        <v>11</v>
      </c>
      <c r="H199" s="11" t="s">
        <v>11</v>
      </c>
      <c r="I199" s="11" t="s">
        <v>11</v>
      </c>
      <c r="J199" s="11" t="s">
        <v>14</v>
      </c>
    </row>
    <row r="200" spans="1:10" x14ac:dyDescent="0.25">
      <c r="A200" s="11" t="s">
        <v>683</v>
      </c>
      <c r="B200" s="11" t="s">
        <v>11</v>
      </c>
      <c r="C200" s="11" t="s">
        <v>12</v>
      </c>
      <c r="D200" s="11" t="s">
        <v>419</v>
      </c>
      <c r="E200" s="11" t="s">
        <v>45</v>
      </c>
      <c r="F200" s="16">
        <v>0.19999999999999996</v>
      </c>
      <c r="G200" s="11" t="s">
        <v>11</v>
      </c>
      <c r="H200" s="11" t="s">
        <v>11</v>
      </c>
      <c r="I200" s="11" t="s">
        <v>11</v>
      </c>
      <c r="J200" s="11" t="s">
        <v>14</v>
      </c>
    </row>
    <row r="201" spans="1:10" x14ac:dyDescent="0.25">
      <c r="A201" s="11" t="s">
        <v>684</v>
      </c>
      <c r="B201" s="11" t="s">
        <v>11</v>
      </c>
      <c r="C201" s="11" t="s">
        <v>12</v>
      </c>
      <c r="D201" s="11" t="s">
        <v>419</v>
      </c>
      <c r="E201" s="11" t="s">
        <v>45</v>
      </c>
      <c r="F201" s="16">
        <v>0.19999999999999996</v>
      </c>
      <c r="G201" s="11" t="s">
        <v>11</v>
      </c>
      <c r="H201" s="11" t="s">
        <v>11</v>
      </c>
      <c r="I201" s="11" t="s">
        <v>11</v>
      </c>
      <c r="J201" s="11" t="s">
        <v>14</v>
      </c>
    </row>
    <row r="202" spans="1:10" x14ac:dyDescent="0.25">
      <c r="A202" s="11" t="s">
        <v>685</v>
      </c>
      <c r="B202" s="11" t="s">
        <v>11</v>
      </c>
      <c r="C202" s="11" t="s">
        <v>12</v>
      </c>
      <c r="D202" s="11" t="s">
        <v>419</v>
      </c>
      <c r="E202" s="11" t="s">
        <v>45</v>
      </c>
      <c r="F202" s="16">
        <v>0.19999999999999996</v>
      </c>
      <c r="G202" s="11" t="s">
        <v>11</v>
      </c>
      <c r="H202" s="11" t="s">
        <v>11</v>
      </c>
      <c r="I202" s="11" t="s">
        <v>11</v>
      </c>
      <c r="J202" s="11" t="s">
        <v>14</v>
      </c>
    </row>
    <row r="203" spans="1:10" x14ac:dyDescent="0.25">
      <c r="A203" s="11" t="s">
        <v>686</v>
      </c>
      <c r="B203" s="11" t="s">
        <v>11</v>
      </c>
      <c r="C203" s="11" t="s">
        <v>12</v>
      </c>
      <c r="D203" s="11" t="s">
        <v>419</v>
      </c>
      <c r="E203" s="11" t="s">
        <v>45</v>
      </c>
      <c r="F203" s="16">
        <v>0.54879999999999995</v>
      </c>
      <c r="G203" s="11" t="s">
        <v>11</v>
      </c>
      <c r="H203" s="11" t="s">
        <v>11</v>
      </c>
      <c r="I203" s="11" t="s">
        <v>11</v>
      </c>
      <c r="J203" s="11" t="s">
        <v>14</v>
      </c>
    </row>
    <row r="204" spans="1:10" x14ac:dyDescent="0.25">
      <c r="A204" s="11" t="s">
        <v>686</v>
      </c>
      <c r="B204" s="11" t="s">
        <v>11</v>
      </c>
      <c r="C204" s="11" t="s">
        <v>12</v>
      </c>
      <c r="D204" s="11" t="s">
        <v>419</v>
      </c>
      <c r="E204" s="11" t="s">
        <v>45</v>
      </c>
      <c r="F204" s="16">
        <v>0.54879999999999995</v>
      </c>
      <c r="G204" s="11" t="s">
        <v>11</v>
      </c>
      <c r="H204" s="11" t="s">
        <v>11</v>
      </c>
      <c r="I204" s="11" t="s">
        <v>11</v>
      </c>
      <c r="J204" s="11" t="s">
        <v>15</v>
      </c>
    </row>
    <row r="205" spans="1:10" x14ac:dyDescent="0.25">
      <c r="A205" s="11" t="s">
        <v>687</v>
      </c>
      <c r="B205" s="11" t="s">
        <v>11</v>
      </c>
      <c r="C205" s="11" t="s">
        <v>12</v>
      </c>
      <c r="D205" s="11" t="s">
        <v>419</v>
      </c>
      <c r="E205" s="11" t="s">
        <v>45</v>
      </c>
      <c r="F205" s="16">
        <v>0.54879999999999995</v>
      </c>
      <c r="G205" s="11" t="s">
        <v>11</v>
      </c>
      <c r="H205" s="11" t="s">
        <v>11</v>
      </c>
      <c r="I205" s="11" t="s">
        <v>11</v>
      </c>
      <c r="J205" s="11" t="s">
        <v>14</v>
      </c>
    </row>
    <row r="206" spans="1:10" x14ac:dyDescent="0.25">
      <c r="A206" s="11" t="s">
        <v>688</v>
      </c>
      <c r="B206" s="11" t="s">
        <v>11</v>
      </c>
      <c r="C206" s="11" t="s">
        <v>12</v>
      </c>
      <c r="D206" s="11" t="s">
        <v>419</v>
      </c>
      <c r="E206" s="11" t="s">
        <v>45</v>
      </c>
      <c r="F206" s="16">
        <v>0.10000000000000009</v>
      </c>
      <c r="G206" s="11" t="s">
        <v>11</v>
      </c>
      <c r="H206" s="11" t="s">
        <v>11</v>
      </c>
      <c r="I206" s="11" t="s">
        <v>11</v>
      </c>
      <c r="J206" s="11" t="s">
        <v>14</v>
      </c>
    </row>
    <row r="207" spans="1:10" x14ac:dyDescent="0.25">
      <c r="A207" s="11" t="s">
        <v>689</v>
      </c>
      <c r="B207" s="11" t="s">
        <v>11</v>
      </c>
      <c r="C207" s="11" t="s">
        <v>12</v>
      </c>
      <c r="D207" s="11" t="s">
        <v>419</v>
      </c>
      <c r="E207" s="11" t="s">
        <v>45</v>
      </c>
      <c r="F207" s="16">
        <v>0.10000000000000009</v>
      </c>
      <c r="G207" s="11" t="s">
        <v>11</v>
      </c>
      <c r="H207" s="11" t="s">
        <v>11</v>
      </c>
      <c r="I207" s="11" t="s">
        <v>11</v>
      </c>
      <c r="J207" s="11" t="s">
        <v>14</v>
      </c>
    </row>
    <row r="208" spans="1:10" x14ac:dyDescent="0.25">
      <c r="A208" s="11" t="s">
        <v>690</v>
      </c>
      <c r="B208" s="11" t="s">
        <v>11</v>
      </c>
      <c r="C208" s="11" t="s">
        <v>12</v>
      </c>
      <c r="D208" s="11" t="s">
        <v>419</v>
      </c>
      <c r="E208" s="11" t="s">
        <v>45</v>
      </c>
      <c r="F208" s="16">
        <v>0.10000000000000009</v>
      </c>
      <c r="G208" s="11" t="s">
        <v>11</v>
      </c>
      <c r="H208" s="11" t="s">
        <v>11</v>
      </c>
      <c r="I208" s="11" t="s">
        <v>11</v>
      </c>
      <c r="J208" s="11" t="s">
        <v>14</v>
      </c>
    </row>
    <row r="209" spans="1:10" x14ac:dyDescent="0.25">
      <c r="A209" s="11" t="s">
        <v>691</v>
      </c>
      <c r="B209" s="11" t="s">
        <v>11</v>
      </c>
      <c r="C209" s="11" t="s">
        <v>12</v>
      </c>
      <c r="D209" s="11" t="s">
        <v>419</v>
      </c>
      <c r="E209" s="11" t="s">
        <v>45</v>
      </c>
      <c r="F209" s="16">
        <v>0.10000000000000009</v>
      </c>
      <c r="G209" s="11" t="s">
        <v>11</v>
      </c>
      <c r="H209" s="11" t="s">
        <v>11</v>
      </c>
      <c r="I209" s="11" t="s">
        <v>11</v>
      </c>
      <c r="J209" s="11" t="s">
        <v>14</v>
      </c>
    </row>
    <row r="210" spans="1:10" x14ac:dyDescent="0.25">
      <c r="A210" s="11" t="s">
        <v>692</v>
      </c>
      <c r="B210" s="11" t="s">
        <v>11</v>
      </c>
      <c r="C210" s="11" t="s">
        <v>12</v>
      </c>
      <c r="D210" s="11" t="s">
        <v>419</v>
      </c>
      <c r="E210" s="11" t="s">
        <v>45</v>
      </c>
      <c r="F210" s="16">
        <v>0.10000000000000009</v>
      </c>
      <c r="G210" s="11" t="s">
        <v>11</v>
      </c>
      <c r="H210" s="11" t="s">
        <v>11</v>
      </c>
      <c r="I210" s="11" t="s">
        <v>11</v>
      </c>
      <c r="J210" s="11" t="s">
        <v>14</v>
      </c>
    </row>
    <row r="211" spans="1:10" x14ac:dyDescent="0.25">
      <c r="A211" s="11" t="s">
        <v>693</v>
      </c>
      <c r="B211" s="11" t="s">
        <v>11</v>
      </c>
      <c r="C211" s="11" t="s">
        <v>12</v>
      </c>
      <c r="D211" s="11" t="s">
        <v>419</v>
      </c>
      <c r="E211" s="11" t="s">
        <v>45</v>
      </c>
      <c r="F211" s="16">
        <v>0.10000000000000009</v>
      </c>
      <c r="G211" s="11" t="s">
        <v>11</v>
      </c>
      <c r="H211" s="11" t="s">
        <v>11</v>
      </c>
      <c r="I211" s="11" t="s">
        <v>11</v>
      </c>
      <c r="J211" s="11" t="s">
        <v>14</v>
      </c>
    </row>
    <row r="212" spans="1:10" x14ac:dyDescent="0.25">
      <c r="A212" s="11" t="s">
        <v>694</v>
      </c>
      <c r="B212" s="11" t="s">
        <v>11</v>
      </c>
      <c r="C212" s="11" t="s">
        <v>12</v>
      </c>
      <c r="D212" s="11" t="s">
        <v>419</v>
      </c>
      <c r="E212" s="11" t="s">
        <v>45</v>
      </c>
      <c r="F212" s="16">
        <v>0.14999999999999991</v>
      </c>
      <c r="G212" s="11" t="s">
        <v>11</v>
      </c>
      <c r="H212" s="11" t="s">
        <v>11</v>
      </c>
      <c r="I212" s="11" t="s">
        <v>11</v>
      </c>
      <c r="J212" s="11" t="s">
        <v>14</v>
      </c>
    </row>
    <row r="213" spans="1:10" x14ac:dyDescent="0.25">
      <c r="A213" s="11" t="s">
        <v>695</v>
      </c>
      <c r="B213" s="11" t="s">
        <v>11</v>
      </c>
      <c r="C213" s="11" t="s">
        <v>12</v>
      </c>
      <c r="D213" s="11" t="s">
        <v>419</v>
      </c>
      <c r="E213" s="11" t="s">
        <v>45</v>
      </c>
      <c r="F213" s="16">
        <v>0.14999999999999991</v>
      </c>
      <c r="G213" s="11" t="s">
        <v>11</v>
      </c>
      <c r="H213" s="11" t="s">
        <v>11</v>
      </c>
      <c r="I213" s="11" t="s">
        <v>11</v>
      </c>
      <c r="J213" s="11" t="s">
        <v>14</v>
      </c>
    </row>
    <row r="214" spans="1:10" x14ac:dyDescent="0.25">
      <c r="A214" s="11" t="s">
        <v>696</v>
      </c>
      <c r="B214" s="11" t="s">
        <v>11</v>
      </c>
      <c r="C214" s="11" t="s">
        <v>12</v>
      </c>
      <c r="D214" s="11" t="s">
        <v>419</v>
      </c>
      <c r="E214" s="11" t="s">
        <v>45</v>
      </c>
      <c r="F214" s="16">
        <v>0.14999999999999991</v>
      </c>
      <c r="G214" s="11" t="s">
        <v>11</v>
      </c>
      <c r="H214" s="11" t="s">
        <v>11</v>
      </c>
      <c r="I214" s="11" t="s">
        <v>11</v>
      </c>
      <c r="J214" s="11" t="s">
        <v>14</v>
      </c>
    </row>
    <row r="215" spans="1:10" x14ac:dyDescent="0.25">
      <c r="A215" s="11" t="s">
        <v>697</v>
      </c>
      <c r="B215" s="11" t="s">
        <v>11</v>
      </c>
      <c r="C215" s="11" t="s">
        <v>12</v>
      </c>
      <c r="D215" s="11" t="s">
        <v>419</v>
      </c>
      <c r="E215" s="11" t="s">
        <v>45</v>
      </c>
      <c r="F215" s="16">
        <v>0.14999999999999991</v>
      </c>
      <c r="G215" s="11" t="s">
        <v>11</v>
      </c>
      <c r="H215" s="11" t="s">
        <v>11</v>
      </c>
      <c r="I215" s="11" t="s">
        <v>11</v>
      </c>
      <c r="J215" s="11" t="s">
        <v>14</v>
      </c>
    </row>
    <row r="216" spans="1:10" x14ac:dyDescent="0.25">
      <c r="A216" s="11" t="s">
        <v>698</v>
      </c>
      <c r="B216" s="11" t="s">
        <v>11</v>
      </c>
      <c r="C216" s="11" t="s">
        <v>12</v>
      </c>
      <c r="D216" s="11" t="s">
        <v>419</v>
      </c>
      <c r="E216" s="11" t="s">
        <v>45</v>
      </c>
      <c r="F216" s="16">
        <v>0.14999999999999991</v>
      </c>
      <c r="G216" s="11" t="s">
        <v>11</v>
      </c>
      <c r="H216" s="11" t="s">
        <v>11</v>
      </c>
      <c r="I216" s="11" t="s">
        <v>11</v>
      </c>
      <c r="J216" s="11" t="s">
        <v>14</v>
      </c>
    </row>
    <row r="217" spans="1:10" x14ac:dyDescent="0.25">
      <c r="A217" s="11" t="s">
        <v>699</v>
      </c>
      <c r="B217" s="11" t="s">
        <v>11</v>
      </c>
      <c r="C217" s="11" t="s">
        <v>12</v>
      </c>
      <c r="D217" s="11" t="s">
        <v>419</v>
      </c>
      <c r="E217" s="11" t="s">
        <v>45</v>
      </c>
      <c r="F217" s="16">
        <v>0.14999999999999991</v>
      </c>
      <c r="G217" s="11" t="s">
        <v>11</v>
      </c>
      <c r="H217" s="11" t="s">
        <v>11</v>
      </c>
      <c r="I217" s="11" t="s">
        <v>11</v>
      </c>
      <c r="J217" s="11" t="s">
        <v>14</v>
      </c>
    </row>
    <row r="218" spans="1:10" x14ac:dyDescent="0.25">
      <c r="A218" s="11" t="s">
        <v>700</v>
      </c>
      <c r="B218" s="11" t="s">
        <v>11</v>
      </c>
      <c r="C218" s="11" t="s">
        <v>12</v>
      </c>
      <c r="D218" s="11" t="s">
        <v>419</v>
      </c>
      <c r="E218" s="11" t="s">
        <v>45</v>
      </c>
      <c r="F218" s="16">
        <v>0.19999999999999996</v>
      </c>
      <c r="G218" s="11" t="s">
        <v>11</v>
      </c>
      <c r="H218" s="11" t="s">
        <v>11</v>
      </c>
      <c r="I218" s="11" t="s">
        <v>11</v>
      </c>
      <c r="J218" s="11" t="s">
        <v>14</v>
      </c>
    </row>
    <row r="219" spans="1:10" x14ac:dyDescent="0.25">
      <c r="A219" s="11" t="s">
        <v>701</v>
      </c>
      <c r="B219" s="11" t="s">
        <v>11</v>
      </c>
      <c r="C219" s="11" t="s">
        <v>12</v>
      </c>
      <c r="D219" s="11" t="s">
        <v>419</v>
      </c>
      <c r="E219" s="11" t="s">
        <v>45</v>
      </c>
      <c r="F219" s="16">
        <v>0.19999999999999996</v>
      </c>
      <c r="G219" s="11" t="s">
        <v>11</v>
      </c>
      <c r="H219" s="11" t="s">
        <v>11</v>
      </c>
      <c r="I219" s="11" t="s">
        <v>11</v>
      </c>
      <c r="J219" s="11" t="s">
        <v>14</v>
      </c>
    </row>
    <row r="220" spans="1:10" x14ac:dyDescent="0.25">
      <c r="A220" s="11" t="s">
        <v>702</v>
      </c>
      <c r="B220" s="11" t="s">
        <v>11</v>
      </c>
      <c r="C220" s="11" t="s">
        <v>12</v>
      </c>
      <c r="D220" s="11" t="s">
        <v>419</v>
      </c>
      <c r="E220" s="11" t="s">
        <v>45</v>
      </c>
      <c r="F220" s="16">
        <v>0.19999999999999996</v>
      </c>
      <c r="G220" s="11" t="s">
        <v>11</v>
      </c>
      <c r="H220" s="11" t="s">
        <v>11</v>
      </c>
      <c r="I220" s="11" t="s">
        <v>11</v>
      </c>
      <c r="J220" s="11" t="s">
        <v>14</v>
      </c>
    </row>
    <row r="221" spans="1:10" x14ac:dyDescent="0.25">
      <c r="A221" s="11" t="s">
        <v>703</v>
      </c>
      <c r="B221" s="11" t="s">
        <v>11</v>
      </c>
      <c r="C221" s="11" t="s">
        <v>12</v>
      </c>
      <c r="D221" s="11" t="s">
        <v>419</v>
      </c>
      <c r="E221" s="11" t="s">
        <v>45</v>
      </c>
      <c r="F221" s="16">
        <v>0.19999999999999996</v>
      </c>
      <c r="G221" s="11" t="s">
        <v>11</v>
      </c>
      <c r="H221" s="11" t="s">
        <v>11</v>
      </c>
      <c r="I221" s="11" t="s">
        <v>11</v>
      </c>
      <c r="J221" s="11" t="s">
        <v>14</v>
      </c>
    </row>
    <row r="222" spans="1:10" x14ac:dyDescent="0.25">
      <c r="A222" s="11" t="s">
        <v>704</v>
      </c>
      <c r="B222" s="11" t="s">
        <v>11</v>
      </c>
      <c r="C222" s="11" t="s">
        <v>12</v>
      </c>
      <c r="D222" s="11" t="s">
        <v>419</v>
      </c>
      <c r="E222" s="11" t="s">
        <v>45</v>
      </c>
      <c r="F222" s="16">
        <v>0.19999999999999996</v>
      </c>
      <c r="G222" s="11" t="s">
        <v>11</v>
      </c>
      <c r="H222" s="11" t="s">
        <v>11</v>
      </c>
      <c r="I222" s="11" t="s">
        <v>11</v>
      </c>
      <c r="J222" s="11" t="s">
        <v>14</v>
      </c>
    </row>
    <row r="223" spans="1:10" x14ac:dyDescent="0.25">
      <c r="A223" s="11" t="s">
        <v>705</v>
      </c>
      <c r="B223" s="11" t="s">
        <v>11</v>
      </c>
      <c r="C223" s="11" t="s">
        <v>12</v>
      </c>
      <c r="D223" s="11" t="s">
        <v>419</v>
      </c>
      <c r="E223" s="11" t="s">
        <v>45</v>
      </c>
      <c r="F223" s="16">
        <v>0.19999999999999996</v>
      </c>
      <c r="G223" s="11" t="s">
        <v>11</v>
      </c>
      <c r="H223" s="11" t="s">
        <v>11</v>
      </c>
      <c r="I223" s="11" t="s">
        <v>11</v>
      </c>
      <c r="J223" s="11" t="s">
        <v>14</v>
      </c>
    </row>
    <row r="224" spans="1:10" x14ac:dyDescent="0.25">
      <c r="A224" s="11" t="s">
        <v>706</v>
      </c>
      <c r="B224" s="11" t="s">
        <v>11</v>
      </c>
      <c r="C224" s="11" t="s">
        <v>12</v>
      </c>
      <c r="D224" s="11" t="s">
        <v>419</v>
      </c>
      <c r="E224" s="11" t="s">
        <v>45</v>
      </c>
      <c r="F224" s="16">
        <v>0.19999999999999996</v>
      </c>
      <c r="G224" s="11" t="s">
        <v>11</v>
      </c>
      <c r="H224" s="11" t="s">
        <v>11</v>
      </c>
      <c r="I224" s="11" t="s">
        <v>11</v>
      </c>
      <c r="J224" s="11" t="s">
        <v>14</v>
      </c>
    </row>
    <row r="225" spans="1:10" x14ac:dyDescent="0.25">
      <c r="A225" s="11" t="s">
        <v>707</v>
      </c>
      <c r="B225" s="11" t="s">
        <v>11</v>
      </c>
      <c r="C225" s="11" t="s">
        <v>12</v>
      </c>
      <c r="D225" s="11" t="s">
        <v>419</v>
      </c>
      <c r="E225" s="11" t="s">
        <v>45</v>
      </c>
      <c r="F225" s="16">
        <v>0.19999999999999996</v>
      </c>
      <c r="G225" s="11" t="s">
        <v>11</v>
      </c>
      <c r="H225" s="11" t="s">
        <v>11</v>
      </c>
      <c r="I225" s="11" t="s">
        <v>11</v>
      </c>
      <c r="J225" s="11" t="s">
        <v>14</v>
      </c>
    </row>
    <row r="226" spans="1:10" x14ac:dyDescent="0.25">
      <c r="A226" s="11" t="s">
        <v>708</v>
      </c>
      <c r="B226" s="11" t="s">
        <v>11</v>
      </c>
      <c r="C226" s="11" t="s">
        <v>12</v>
      </c>
      <c r="D226" s="11" t="s">
        <v>419</v>
      </c>
      <c r="E226" s="11" t="s">
        <v>45</v>
      </c>
      <c r="F226" s="16">
        <v>0.19999999999999996</v>
      </c>
      <c r="G226" s="11" t="s">
        <v>11</v>
      </c>
      <c r="H226" s="11" t="s">
        <v>11</v>
      </c>
      <c r="I226" s="11" t="s">
        <v>11</v>
      </c>
      <c r="J226" s="11" t="s">
        <v>14</v>
      </c>
    </row>
    <row r="227" spans="1:10" x14ac:dyDescent="0.25">
      <c r="A227" s="11" t="s">
        <v>709</v>
      </c>
      <c r="B227" s="11" t="s">
        <v>11</v>
      </c>
      <c r="C227" s="11" t="s">
        <v>12</v>
      </c>
      <c r="D227" s="11" t="s">
        <v>419</v>
      </c>
      <c r="E227" s="11" t="s">
        <v>45</v>
      </c>
      <c r="F227" s="16">
        <v>0.66930000000000023</v>
      </c>
      <c r="G227" s="11" t="s">
        <v>11</v>
      </c>
      <c r="H227" s="11" t="s">
        <v>11</v>
      </c>
      <c r="I227" s="11" t="s">
        <v>11</v>
      </c>
      <c r="J227" s="11" t="s">
        <v>14</v>
      </c>
    </row>
    <row r="228" spans="1:10" x14ac:dyDescent="0.25">
      <c r="A228" s="11" t="s">
        <v>710</v>
      </c>
      <c r="B228" s="11" t="s">
        <v>11</v>
      </c>
      <c r="C228" s="11" t="s">
        <v>12</v>
      </c>
      <c r="D228" s="11" t="s">
        <v>419</v>
      </c>
      <c r="E228" s="11" t="s">
        <v>45</v>
      </c>
      <c r="F228" s="16">
        <v>0.52200000000000002</v>
      </c>
      <c r="G228" s="11" t="s">
        <v>11</v>
      </c>
      <c r="H228" s="11" t="s">
        <v>11</v>
      </c>
      <c r="I228" s="11" t="s">
        <v>11</v>
      </c>
      <c r="J228" s="11" t="s">
        <v>14</v>
      </c>
    </row>
    <row r="229" spans="1:10" x14ac:dyDescent="0.25">
      <c r="A229" s="11" t="s">
        <v>711</v>
      </c>
      <c r="B229" s="11" t="s">
        <v>11</v>
      </c>
      <c r="C229" s="11" t="s">
        <v>12</v>
      </c>
      <c r="D229" s="11" t="s">
        <v>419</v>
      </c>
      <c r="E229" s="11" t="s">
        <v>45</v>
      </c>
      <c r="F229" s="16">
        <v>0.52200000000000002</v>
      </c>
      <c r="G229" s="11" t="s">
        <v>11</v>
      </c>
      <c r="H229" s="11" t="s">
        <v>11</v>
      </c>
      <c r="I229" s="11" t="s">
        <v>11</v>
      </c>
      <c r="J229" s="11" t="s">
        <v>14</v>
      </c>
    </row>
    <row r="230" spans="1:10" x14ac:dyDescent="0.25">
      <c r="A230" s="11" t="s">
        <v>712</v>
      </c>
      <c r="B230" s="11" t="s">
        <v>11</v>
      </c>
      <c r="C230" s="11" t="s">
        <v>12</v>
      </c>
      <c r="D230" s="11" t="s">
        <v>419</v>
      </c>
      <c r="E230" s="11" t="s">
        <v>45</v>
      </c>
      <c r="F230" s="16">
        <v>0.52200000000000002</v>
      </c>
      <c r="G230" s="11" t="s">
        <v>11</v>
      </c>
      <c r="H230" s="11" t="s">
        <v>11</v>
      </c>
      <c r="I230" s="11" t="s">
        <v>11</v>
      </c>
      <c r="J230" s="11" t="s">
        <v>14</v>
      </c>
    </row>
    <row r="231" spans="1:10" x14ac:dyDescent="0.25">
      <c r="A231" s="11" t="s">
        <v>713</v>
      </c>
      <c r="B231" s="11" t="s">
        <v>11</v>
      </c>
      <c r="C231" s="11" t="s">
        <v>12</v>
      </c>
      <c r="D231" s="11" t="s">
        <v>419</v>
      </c>
      <c r="E231" s="11" t="s">
        <v>45</v>
      </c>
      <c r="F231" s="16">
        <v>0.52200000000000002</v>
      </c>
      <c r="G231" s="11" t="s">
        <v>11</v>
      </c>
      <c r="H231" s="11" t="s">
        <v>11</v>
      </c>
      <c r="I231" s="11" t="s">
        <v>11</v>
      </c>
      <c r="J231" s="11" t="s">
        <v>14</v>
      </c>
    </row>
    <row r="232" spans="1:10" x14ac:dyDescent="0.25">
      <c r="A232" s="11" t="s">
        <v>714</v>
      </c>
      <c r="B232" s="11" t="s">
        <v>11</v>
      </c>
      <c r="C232" s="11" t="s">
        <v>12</v>
      </c>
      <c r="D232" s="11" t="s">
        <v>419</v>
      </c>
      <c r="E232" s="11" t="s">
        <v>45</v>
      </c>
      <c r="F232" s="16">
        <v>0.52200000000000002</v>
      </c>
      <c r="G232" s="11" t="s">
        <v>11</v>
      </c>
      <c r="H232" s="11" t="s">
        <v>11</v>
      </c>
      <c r="I232" s="11" t="s">
        <v>11</v>
      </c>
      <c r="J232" s="11" t="s">
        <v>14</v>
      </c>
    </row>
    <row r="233" spans="1:10" x14ac:dyDescent="0.25">
      <c r="A233" s="11" t="s">
        <v>715</v>
      </c>
      <c r="B233" s="11" t="s">
        <v>11</v>
      </c>
      <c r="C233" s="11" t="s">
        <v>12</v>
      </c>
      <c r="D233" s="11" t="s">
        <v>419</v>
      </c>
      <c r="E233" s="11" t="s">
        <v>45</v>
      </c>
      <c r="F233" s="16">
        <v>0.45649999999999991</v>
      </c>
      <c r="G233" s="11" t="s">
        <v>11</v>
      </c>
      <c r="H233" s="11" t="s">
        <v>11</v>
      </c>
      <c r="I233" s="11" t="s">
        <v>11</v>
      </c>
      <c r="J233" s="11" t="s">
        <v>14</v>
      </c>
    </row>
    <row r="234" spans="1:10" x14ac:dyDescent="0.25">
      <c r="A234" s="11" t="s">
        <v>716</v>
      </c>
      <c r="B234" s="11" t="s">
        <v>11</v>
      </c>
      <c r="C234" s="11" t="s">
        <v>12</v>
      </c>
      <c r="D234" s="11" t="s">
        <v>419</v>
      </c>
      <c r="E234" s="11" t="s">
        <v>45</v>
      </c>
      <c r="F234" s="16">
        <v>0.45649999999999991</v>
      </c>
      <c r="G234" s="11" t="s">
        <v>11</v>
      </c>
      <c r="H234" s="11" t="s">
        <v>11</v>
      </c>
      <c r="I234" s="11" t="s">
        <v>11</v>
      </c>
      <c r="J234" s="11" t="s">
        <v>14</v>
      </c>
    </row>
    <row r="235" spans="1:10" x14ac:dyDescent="0.25">
      <c r="A235" s="11" t="s">
        <v>717</v>
      </c>
      <c r="B235" s="11" t="s">
        <v>11</v>
      </c>
      <c r="C235" s="11" t="s">
        <v>12</v>
      </c>
      <c r="D235" s="11" t="s">
        <v>419</v>
      </c>
      <c r="E235" s="11" t="s">
        <v>45</v>
      </c>
      <c r="F235" s="16">
        <v>0.45649999999999991</v>
      </c>
      <c r="G235" s="11" t="s">
        <v>11</v>
      </c>
      <c r="H235" s="11" t="s">
        <v>11</v>
      </c>
      <c r="I235" s="11" t="s">
        <v>11</v>
      </c>
      <c r="J235" s="11" t="s">
        <v>14</v>
      </c>
    </row>
    <row r="236" spans="1:10" x14ac:dyDescent="0.25">
      <c r="A236" s="11" t="s">
        <v>718</v>
      </c>
      <c r="B236" s="11" t="s">
        <v>11</v>
      </c>
      <c r="C236" s="11" t="s">
        <v>12</v>
      </c>
      <c r="D236" s="11" t="s">
        <v>419</v>
      </c>
      <c r="E236" s="11" t="s">
        <v>45</v>
      </c>
      <c r="F236" s="16">
        <v>0.45649999999999991</v>
      </c>
      <c r="G236" s="11" t="s">
        <v>11</v>
      </c>
      <c r="H236" s="11" t="s">
        <v>11</v>
      </c>
      <c r="I236" s="11" t="s">
        <v>11</v>
      </c>
      <c r="J236" s="11" t="s">
        <v>14</v>
      </c>
    </row>
    <row r="237" spans="1:10" x14ac:dyDescent="0.25">
      <c r="A237" s="11" t="s">
        <v>719</v>
      </c>
      <c r="B237" s="11" t="s">
        <v>11</v>
      </c>
      <c r="C237" s="11" t="s">
        <v>12</v>
      </c>
      <c r="D237" s="11" t="s">
        <v>419</v>
      </c>
      <c r="E237" s="11" t="s">
        <v>45</v>
      </c>
      <c r="F237" s="16">
        <v>0.45649999999999991</v>
      </c>
      <c r="G237" s="11" t="s">
        <v>11</v>
      </c>
      <c r="H237" s="11" t="s">
        <v>11</v>
      </c>
      <c r="I237" s="11" t="s">
        <v>11</v>
      </c>
      <c r="J237" s="11" t="s">
        <v>14</v>
      </c>
    </row>
    <row r="238" spans="1:10" x14ac:dyDescent="0.25">
      <c r="A238" s="11" t="s">
        <v>720</v>
      </c>
      <c r="B238" s="11" t="s">
        <v>11</v>
      </c>
      <c r="C238" s="11" t="s">
        <v>12</v>
      </c>
      <c r="D238" s="11" t="s">
        <v>419</v>
      </c>
      <c r="E238" s="11" t="s">
        <v>45</v>
      </c>
      <c r="F238" s="16">
        <v>0.45649999999999991</v>
      </c>
      <c r="G238" s="11" t="s">
        <v>11</v>
      </c>
      <c r="H238" s="11" t="s">
        <v>11</v>
      </c>
      <c r="I238" s="11" t="s">
        <v>11</v>
      </c>
      <c r="J238" s="11" t="s">
        <v>14</v>
      </c>
    </row>
  </sheetData>
  <mergeCells count="2">
    <mergeCell ref="A4:J4"/>
    <mergeCell ref="A5:J5"/>
  </mergeCells>
  <pageMargins left="0.511811024" right="0.511811024" top="0.78740157499999996" bottom="0.78740157499999996" header="0.31496062000000002" footer="0.31496062000000002"/>
  <pageSetup paperSize="9"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0"/>
  <sheetViews>
    <sheetView workbookViewId="0"/>
  </sheetViews>
  <sheetFormatPr defaultRowHeight="15" x14ac:dyDescent="0.25"/>
  <cols>
    <col min="2" max="2" width="9.42578125" bestFit="1" customWidth="1"/>
    <col min="3" max="3" width="10.42578125" bestFit="1" customWidth="1"/>
    <col min="4" max="4" width="27.28515625" bestFit="1" customWidth="1"/>
    <col min="5" max="5" width="43.5703125" bestFit="1" customWidth="1"/>
    <col min="6" max="6" width="8.140625" bestFit="1" customWidth="1"/>
    <col min="7" max="7" width="16.5703125" bestFit="1" customWidth="1"/>
    <col min="8" max="8" width="4.28515625" bestFit="1" customWidth="1"/>
    <col min="9" max="9" width="25" bestFit="1" customWidth="1"/>
    <col min="10" max="10" width="12"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722</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47" customFormat="1" x14ac:dyDescent="0.25">
      <c r="A6" s="48" t="s">
        <v>0</v>
      </c>
      <c r="B6" s="48" t="s">
        <v>1</v>
      </c>
      <c r="C6" s="48" t="s">
        <v>2</v>
      </c>
      <c r="D6" s="48" t="s">
        <v>47</v>
      </c>
      <c r="E6" s="48" t="s">
        <v>5</v>
      </c>
      <c r="F6" s="48" t="s">
        <v>6</v>
      </c>
      <c r="G6" s="48" t="s">
        <v>7</v>
      </c>
      <c r="H6" s="48" t="s">
        <v>8</v>
      </c>
      <c r="I6" s="48" t="s">
        <v>9</v>
      </c>
      <c r="J6" s="48" t="s">
        <v>10</v>
      </c>
    </row>
    <row r="7" spans="1:10" x14ac:dyDescent="0.25">
      <c r="A7" s="11" t="s">
        <v>723</v>
      </c>
      <c r="B7" s="11" t="s">
        <v>11</v>
      </c>
      <c r="C7" s="11" t="s">
        <v>12</v>
      </c>
      <c r="D7" s="11" t="s">
        <v>46</v>
      </c>
      <c r="E7" s="11" t="s">
        <v>45</v>
      </c>
      <c r="F7" s="16">
        <v>0.60939999999999994</v>
      </c>
      <c r="G7" s="11" t="s">
        <v>11</v>
      </c>
      <c r="H7" s="11" t="s">
        <v>11</v>
      </c>
      <c r="I7" s="11" t="s">
        <v>11</v>
      </c>
      <c r="J7" s="11" t="s">
        <v>14</v>
      </c>
    </row>
    <row r="8" spans="1:10" x14ac:dyDescent="0.25">
      <c r="A8" s="11" t="s">
        <v>724</v>
      </c>
      <c r="B8" s="11" t="s">
        <v>11</v>
      </c>
      <c r="C8" s="11" t="s">
        <v>12</v>
      </c>
      <c r="D8" s="11" t="s">
        <v>46</v>
      </c>
      <c r="E8" s="11" t="s">
        <v>45</v>
      </c>
      <c r="F8" s="16">
        <v>1.0556999999999999</v>
      </c>
      <c r="G8" s="11" t="s">
        <v>11</v>
      </c>
      <c r="H8" s="11" t="s">
        <v>11</v>
      </c>
      <c r="I8" s="11" t="s">
        <v>11</v>
      </c>
      <c r="J8" s="11" t="s">
        <v>14</v>
      </c>
    </row>
    <row r="9" spans="1:10" x14ac:dyDescent="0.25">
      <c r="A9" s="11" t="s">
        <v>725</v>
      </c>
      <c r="B9" s="11" t="s">
        <v>11</v>
      </c>
      <c r="C9" s="11" t="s">
        <v>12</v>
      </c>
      <c r="D9" s="11" t="s">
        <v>46</v>
      </c>
      <c r="E9" s="11" t="s">
        <v>45</v>
      </c>
      <c r="F9" s="16">
        <v>1.0556999999999999</v>
      </c>
      <c r="G9" s="11" t="s">
        <v>11</v>
      </c>
      <c r="H9" s="11" t="s">
        <v>11</v>
      </c>
      <c r="I9" s="11" t="s">
        <v>11</v>
      </c>
      <c r="J9" s="11" t="s">
        <v>14</v>
      </c>
    </row>
    <row r="10" spans="1:10" x14ac:dyDescent="0.25">
      <c r="A10" s="11" t="s">
        <v>726</v>
      </c>
      <c r="B10" s="11" t="s">
        <v>11</v>
      </c>
      <c r="C10" s="11" t="s">
        <v>12</v>
      </c>
      <c r="D10" s="11" t="s">
        <v>46</v>
      </c>
      <c r="E10" s="11" t="s">
        <v>45</v>
      </c>
      <c r="F10" s="16">
        <v>1.0556999999999999</v>
      </c>
      <c r="G10" s="11" t="s">
        <v>11</v>
      </c>
      <c r="H10" s="11" t="s">
        <v>11</v>
      </c>
      <c r="I10" s="11" t="s">
        <v>11</v>
      </c>
      <c r="J10" s="11" t="s">
        <v>14</v>
      </c>
    </row>
    <row r="11" spans="1:10" x14ac:dyDescent="0.25">
      <c r="A11" s="11" t="s">
        <v>727</v>
      </c>
      <c r="B11" s="11" t="s">
        <v>11</v>
      </c>
      <c r="C11" s="11" t="s">
        <v>12</v>
      </c>
      <c r="D11" s="11" t="s">
        <v>46</v>
      </c>
      <c r="E11" s="11" t="s">
        <v>45</v>
      </c>
      <c r="F11" s="16">
        <v>1.0556999999999999</v>
      </c>
      <c r="G11" s="11" t="s">
        <v>11</v>
      </c>
      <c r="H11" s="11" t="s">
        <v>11</v>
      </c>
      <c r="I11" s="11" t="s">
        <v>11</v>
      </c>
      <c r="J11" s="11" t="s">
        <v>14</v>
      </c>
    </row>
    <row r="12" spans="1:10" x14ac:dyDescent="0.25">
      <c r="A12" s="11" t="s">
        <v>728</v>
      </c>
      <c r="B12" s="11" t="s">
        <v>11</v>
      </c>
      <c r="C12" s="11" t="s">
        <v>12</v>
      </c>
      <c r="D12" s="11" t="s">
        <v>46</v>
      </c>
      <c r="E12" s="11" t="s">
        <v>45</v>
      </c>
      <c r="F12" s="16">
        <v>1.0556999999999999</v>
      </c>
      <c r="G12" s="11" t="s">
        <v>11</v>
      </c>
      <c r="H12" s="11" t="s">
        <v>11</v>
      </c>
      <c r="I12" s="11" t="s">
        <v>11</v>
      </c>
      <c r="J12" s="11" t="s">
        <v>14</v>
      </c>
    </row>
    <row r="13" spans="1:10" x14ac:dyDescent="0.25">
      <c r="A13" s="11" t="s">
        <v>729</v>
      </c>
      <c r="B13" s="11" t="s">
        <v>11</v>
      </c>
      <c r="C13" s="11" t="s">
        <v>12</v>
      </c>
      <c r="D13" s="11" t="s">
        <v>46</v>
      </c>
      <c r="E13" s="11" t="s">
        <v>45</v>
      </c>
      <c r="F13" s="16">
        <v>1.0556999999999999</v>
      </c>
      <c r="G13" s="11" t="s">
        <v>11</v>
      </c>
      <c r="H13" s="11" t="s">
        <v>11</v>
      </c>
      <c r="I13" s="11" t="s">
        <v>11</v>
      </c>
      <c r="J13" s="11" t="s">
        <v>14</v>
      </c>
    </row>
    <row r="14" spans="1:10" x14ac:dyDescent="0.25">
      <c r="A14" s="11" t="s">
        <v>730</v>
      </c>
      <c r="B14" s="11" t="s">
        <v>11</v>
      </c>
      <c r="C14" s="11" t="s">
        <v>12</v>
      </c>
      <c r="D14" s="11" t="s">
        <v>46</v>
      </c>
      <c r="E14" s="11" t="s">
        <v>45</v>
      </c>
      <c r="F14" s="16">
        <v>1.0556999999999999</v>
      </c>
      <c r="G14" s="11" t="s">
        <v>11</v>
      </c>
      <c r="H14" s="11" t="s">
        <v>11</v>
      </c>
      <c r="I14" s="11" t="s">
        <v>11</v>
      </c>
      <c r="J14" s="11" t="s">
        <v>14</v>
      </c>
    </row>
    <row r="15" spans="1:10" x14ac:dyDescent="0.25">
      <c r="A15" s="11" t="s">
        <v>731</v>
      </c>
      <c r="B15" s="11" t="s">
        <v>11</v>
      </c>
      <c r="C15" s="11" t="s">
        <v>12</v>
      </c>
      <c r="D15" s="11" t="s">
        <v>46</v>
      </c>
      <c r="E15" s="11" t="s">
        <v>45</v>
      </c>
      <c r="F15" s="16">
        <v>1.0556999999999999</v>
      </c>
      <c r="G15" s="11" t="s">
        <v>11</v>
      </c>
      <c r="H15" s="11" t="s">
        <v>11</v>
      </c>
      <c r="I15" s="11" t="s">
        <v>11</v>
      </c>
      <c r="J15" s="11" t="s">
        <v>14</v>
      </c>
    </row>
    <row r="16" spans="1:10" x14ac:dyDescent="0.25">
      <c r="A16" s="11" t="s">
        <v>732</v>
      </c>
      <c r="B16" s="11" t="s">
        <v>11</v>
      </c>
      <c r="C16" s="11" t="s">
        <v>12</v>
      </c>
      <c r="D16" s="11" t="s">
        <v>46</v>
      </c>
      <c r="E16" s="11" t="s">
        <v>45</v>
      </c>
      <c r="F16" s="16">
        <v>1.0556999999999999</v>
      </c>
      <c r="G16" s="11" t="s">
        <v>11</v>
      </c>
      <c r="H16" s="11" t="s">
        <v>11</v>
      </c>
      <c r="I16" s="11" t="s">
        <v>11</v>
      </c>
      <c r="J16" s="11" t="s">
        <v>14</v>
      </c>
    </row>
    <row r="17" spans="1:10" x14ac:dyDescent="0.25">
      <c r="A17" s="11" t="s">
        <v>733</v>
      </c>
      <c r="B17" s="11" t="s">
        <v>11</v>
      </c>
      <c r="C17" s="11" t="s">
        <v>12</v>
      </c>
      <c r="D17" s="11" t="s">
        <v>46</v>
      </c>
      <c r="E17" s="11" t="s">
        <v>45</v>
      </c>
      <c r="F17" s="16">
        <v>0.6694</v>
      </c>
      <c r="G17" s="11" t="s">
        <v>11</v>
      </c>
      <c r="H17" s="11" t="s">
        <v>11</v>
      </c>
      <c r="I17" s="11" t="s">
        <v>11</v>
      </c>
      <c r="J17" s="11" t="s">
        <v>14</v>
      </c>
    </row>
    <row r="18" spans="1:10" x14ac:dyDescent="0.25">
      <c r="A18" s="11" t="s">
        <v>734</v>
      </c>
      <c r="B18" s="11" t="s">
        <v>11</v>
      </c>
      <c r="C18" s="11" t="s">
        <v>12</v>
      </c>
      <c r="D18" s="11" t="s">
        <v>46</v>
      </c>
      <c r="E18" s="11" t="s">
        <v>45</v>
      </c>
      <c r="F18" s="16">
        <v>1.0556999999999999</v>
      </c>
      <c r="G18" s="11" t="s">
        <v>11</v>
      </c>
      <c r="H18" s="11" t="s">
        <v>11</v>
      </c>
      <c r="I18" s="11" t="s">
        <v>11</v>
      </c>
      <c r="J18" s="11" t="s">
        <v>14</v>
      </c>
    </row>
    <row r="19" spans="1:10" x14ac:dyDescent="0.25">
      <c r="A19" s="11" t="s">
        <v>735</v>
      </c>
      <c r="B19" s="11" t="s">
        <v>11</v>
      </c>
      <c r="C19" s="11" t="s">
        <v>12</v>
      </c>
      <c r="D19" s="11" t="s">
        <v>46</v>
      </c>
      <c r="E19" s="11" t="s">
        <v>45</v>
      </c>
      <c r="F19" s="16">
        <v>1.0556999999999999</v>
      </c>
      <c r="G19" s="11" t="s">
        <v>11</v>
      </c>
      <c r="H19" s="11" t="s">
        <v>11</v>
      </c>
      <c r="I19" s="11" t="s">
        <v>11</v>
      </c>
      <c r="J19" s="11" t="s">
        <v>14</v>
      </c>
    </row>
    <row r="20" spans="1:10" x14ac:dyDescent="0.25">
      <c r="A20" s="11" t="s">
        <v>736</v>
      </c>
      <c r="B20" s="11" t="s">
        <v>11</v>
      </c>
      <c r="C20" s="11" t="s">
        <v>12</v>
      </c>
      <c r="D20" s="11" t="s">
        <v>46</v>
      </c>
      <c r="E20" s="11" t="s">
        <v>45</v>
      </c>
      <c r="F20" s="16">
        <v>1.0556999999999999</v>
      </c>
      <c r="G20" s="11" t="s">
        <v>11</v>
      </c>
      <c r="H20" s="11" t="s">
        <v>11</v>
      </c>
      <c r="I20" s="11" t="s">
        <v>11</v>
      </c>
      <c r="J20" s="11" t="s">
        <v>14</v>
      </c>
    </row>
    <row r="21" spans="1:10" x14ac:dyDescent="0.25">
      <c r="A21" s="11" t="s">
        <v>737</v>
      </c>
      <c r="B21" s="11" t="s">
        <v>11</v>
      </c>
      <c r="C21" s="11" t="s">
        <v>12</v>
      </c>
      <c r="D21" s="11" t="s">
        <v>46</v>
      </c>
      <c r="E21" s="11" t="s">
        <v>45</v>
      </c>
      <c r="F21" s="16">
        <v>1.0556999999999999</v>
      </c>
      <c r="G21" s="11" t="s">
        <v>11</v>
      </c>
      <c r="H21" s="11" t="s">
        <v>11</v>
      </c>
      <c r="I21" s="11" t="s">
        <v>11</v>
      </c>
      <c r="J21" s="11" t="s">
        <v>14</v>
      </c>
    </row>
    <row r="22" spans="1:10" x14ac:dyDescent="0.25">
      <c r="A22" s="11" t="s">
        <v>738</v>
      </c>
      <c r="B22" s="11" t="s">
        <v>11</v>
      </c>
      <c r="C22" s="11" t="s">
        <v>12</v>
      </c>
      <c r="D22" s="11" t="s">
        <v>46</v>
      </c>
      <c r="E22" s="11" t="s">
        <v>45</v>
      </c>
      <c r="F22" s="16">
        <v>1.0556999999999999</v>
      </c>
      <c r="G22" s="11" t="s">
        <v>11</v>
      </c>
      <c r="H22" s="11" t="s">
        <v>11</v>
      </c>
      <c r="I22" s="11" t="s">
        <v>11</v>
      </c>
      <c r="J22" s="11" t="s">
        <v>14</v>
      </c>
    </row>
    <row r="23" spans="1:10" x14ac:dyDescent="0.25">
      <c r="A23" s="11" t="s">
        <v>739</v>
      </c>
      <c r="B23" s="11" t="s">
        <v>11</v>
      </c>
      <c r="C23" s="11" t="s">
        <v>12</v>
      </c>
      <c r="D23" s="11" t="s">
        <v>46</v>
      </c>
      <c r="E23" s="11" t="s">
        <v>45</v>
      </c>
      <c r="F23" s="16">
        <v>1.0556999999999999</v>
      </c>
      <c r="G23" s="11" t="s">
        <v>11</v>
      </c>
      <c r="H23" s="11" t="s">
        <v>11</v>
      </c>
      <c r="I23" s="11" t="s">
        <v>11</v>
      </c>
      <c r="J23" s="11" t="s">
        <v>14</v>
      </c>
    </row>
    <row r="24" spans="1:10" x14ac:dyDescent="0.25">
      <c r="A24" s="11" t="s">
        <v>740</v>
      </c>
      <c r="B24" s="11" t="s">
        <v>11</v>
      </c>
      <c r="C24" s="11" t="s">
        <v>12</v>
      </c>
      <c r="D24" s="11" t="s">
        <v>46</v>
      </c>
      <c r="E24" s="11" t="s">
        <v>45</v>
      </c>
      <c r="F24" s="16">
        <v>1.0556999999999999</v>
      </c>
      <c r="G24" s="11" t="s">
        <v>11</v>
      </c>
      <c r="H24" s="11" t="s">
        <v>11</v>
      </c>
      <c r="I24" s="11" t="s">
        <v>11</v>
      </c>
      <c r="J24" s="11" t="s">
        <v>14</v>
      </c>
    </row>
    <row r="25" spans="1:10" x14ac:dyDescent="0.25">
      <c r="A25" s="11" t="s">
        <v>741</v>
      </c>
      <c r="B25" s="11" t="s">
        <v>11</v>
      </c>
      <c r="C25" s="11" t="s">
        <v>12</v>
      </c>
      <c r="D25" s="11" t="s">
        <v>46</v>
      </c>
      <c r="E25" s="11" t="s">
        <v>45</v>
      </c>
      <c r="F25" s="16">
        <v>1.0556999999999999</v>
      </c>
      <c r="G25" s="11" t="s">
        <v>11</v>
      </c>
      <c r="H25" s="11" t="s">
        <v>11</v>
      </c>
      <c r="I25" s="11" t="s">
        <v>11</v>
      </c>
      <c r="J25" s="11" t="s">
        <v>14</v>
      </c>
    </row>
    <row r="26" spans="1:10" x14ac:dyDescent="0.25">
      <c r="A26" s="11" t="s">
        <v>742</v>
      </c>
      <c r="B26" s="11" t="s">
        <v>11</v>
      </c>
      <c r="C26" s="11" t="s">
        <v>12</v>
      </c>
      <c r="D26" s="11" t="s">
        <v>46</v>
      </c>
      <c r="E26" s="11" t="s">
        <v>45</v>
      </c>
      <c r="F26" s="16">
        <v>1.0556999999999999</v>
      </c>
      <c r="G26" s="11" t="s">
        <v>11</v>
      </c>
      <c r="H26" s="11" t="s">
        <v>11</v>
      </c>
      <c r="I26" s="11" t="s">
        <v>11</v>
      </c>
      <c r="J26" s="11" t="s">
        <v>14</v>
      </c>
    </row>
    <row r="27" spans="1:10" x14ac:dyDescent="0.25">
      <c r="A27" s="11" t="s">
        <v>743</v>
      </c>
      <c r="B27" s="11" t="s">
        <v>11</v>
      </c>
      <c r="C27" s="11" t="s">
        <v>12</v>
      </c>
      <c r="D27" s="11" t="s">
        <v>46</v>
      </c>
      <c r="E27" s="11" t="s">
        <v>45</v>
      </c>
      <c r="F27" s="16">
        <v>1.0556999999999999</v>
      </c>
      <c r="G27" s="11" t="s">
        <v>11</v>
      </c>
      <c r="H27" s="11" t="s">
        <v>11</v>
      </c>
      <c r="I27" s="11" t="s">
        <v>11</v>
      </c>
      <c r="J27" s="11" t="s">
        <v>14</v>
      </c>
    </row>
    <row r="28" spans="1:10" x14ac:dyDescent="0.25">
      <c r="A28" s="11" t="s">
        <v>744</v>
      </c>
      <c r="B28" s="11" t="s">
        <v>11</v>
      </c>
      <c r="C28" s="11" t="s">
        <v>12</v>
      </c>
      <c r="D28" s="11" t="s">
        <v>46</v>
      </c>
      <c r="E28" s="11" t="s">
        <v>45</v>
      </c>
      <c r="F28" s="16">
        <v>0.61589999999999989</v>
      </c>
      <c r="G28" s="11" t="s">
        <v>11</v>
      </c>
      <c r="H28" s="11" t="s">
        <v>11</v>
      </c>
      <c r="I28" s="11" t="s">
        <v>11</v>
      </c>
      <c r="J28" s="11" t="s">
        <v>14</v>
      </c>
    </row>
    <row r="29" spans="1:10" x14ac:dyDescent="0.25">
      <c r="A29" s="11" t="s">
        <v>745</v>
      </c>
      <c r="B29" s="11" t="s">
        <v>11</v>
      </c>
      <c r="C29" s="11" t="s">
        <v>12</v>
      </c>
      <c r="D29" s="11" t="s">
        <v>46</v>
      </c>
      <c r="E29" s="11" t="s">
        <v>45</v>
      </c>
      <c r="F29" s="16">
        <v>1.0556999999999999</v>
      </c>
      <c r="G29" s="11" t="s">
        <v>11</v>
      </c>
      <c r="H29" s="11" t="s">
        <v>11</v>
      </c>
      <c r="I29" s="11" t="s">
        <v>11</v>
      </c>
      <c r="J29" s="11" t="s">
        <v>14</v>
      </c>
    </row>
    <row r="30" spans="1:10" x14ac:dyDescent="0.25">
      <c r="A30" s="11" t="s">
        <v>746</v>
      </c>
      <c r="B30" s="11" t="s">
        <v>11</v>
      </c>
      <c r="C30" s="11" t="s">
        <v>12</v>
      </c>
      <c r="D30" s="11" t="s">
        <v>46</v>
      </c>
      <c r="E30" s="11" t="s">
        <v>45</v>
      </c>
      <c r="F30" s="16">
        <v>1.0556999999999999</v>
      </c>
      <c r="G30" s="11" t="s">
        <v>11</v>
      </c>
      <c r="H30" s="11" t="s">
        <v>11</v>
      </c>
      <c r="I30" s="11" t="s">
        <v>11</v>
      </c>
      <c r="J30" s="11" t="s">
        <v>14</v>
      </c>
    </row>
    <row r="31" spans="1:10" x14ac:dyDescent="0.25">
      <c r="A31" s="11" t="s">
        <v>747</v>
      </c>
      <c r="B31" s="11" t="s">
        <v>11</v>
      </c>
      <c r="C31" s="11" t="s">
        <v>12</v>
      </c>
      <c r="D31" s="11" t="s">
        <v>46</v>
      </c>
      <c r="E31" s="11" t="s">
        <v>45</v>
      </c>
      <c r="F31" s="16">
        <v>1.0556999999999999</v>
      </c>
      <c r="G31" s="11" t="s">
        <v>11</v>
      </c>
      <c r="H31" s="11" t="s">
        <v>11</v>
      </c>
      <c r="I31" s="11" t="s">
        <v>11</v>
      </c>
      <c r="J31" s="11" t="s">
        <v>14</v>
      </c>
    </row>
    <row r="32" spans="1:10" x14ac:dyDescent="0.25">
      <c r="A32" s="11" t="s">
        <v>748</v>
      </c>
      <c r="B32" s="11" t="s">
        <v>11</v>
      </c>
      <c r="C32" s="11" t="s">
        <v>12</v>
      </c>
      <c r="D32" s="11" t="s">
        <v>46</v>
      </c>
      <c r="E32" s="11" t="s">
        <v>45</v>
      </c>
      <c r="F32" s="16">
        <v>1.0556999999999999</v>
      </c>
      <c r="G32" s="11" t="s">
        <v>11</v>
      </c>
      <c r="H32" s="11" t="s">
        <v>11</v>
      </c>
      <c r="I32" s="11" t="s">
        <v>11</v>
      </c>
      <c r="J32" s="11" t="s">
        <v>14</v>
      </c>
    </row>
    <row r="33" spans="1:10" x14ac:dyDescent="0.25">
      <c r="A33" s="11" t="s">
        <v>749</v>
      </c>
      <c r="B33" s="11" t="s">
        <v>11</v>
      </c>
      <c r="C33" s="11" t="s">
        <v>12</v>
      </c>
      <c r="D33" s="11" t="s">
        <v>46</v>
      </c>
      <c r="E33" s="11" t="s">
        <v>45</v>
      </c>
      <c r="F33" s="16">
        <v>1.0556999999999999</v>
      </c>
      <c r="G33" s="11" t="s">
        <v>11</v>
      </c>
      <c r="H33" s="11" t="s">
        <v>11</v>
      </c>
      <c r="I33" s="11" t="s">
        <v>11</v>
      </c>
      <c r="J33" s="11" t="s">
        <v>14</v>
      </c>
    </row>
    <row r="34" spans="1:10" x14ac:dyDescent="0.25">
      <c r="A34" s="11" t="s">
        <v>750</v>
      </c>
      <c r="B34" s="11" t="s">
        <v>11</v>
      </c>
      <c r="C34" s="11" t="s">
        <v>12</v>
      </c>
      <c r="D34" s="11" t="s">
        <v>46</v>
      </c>
      <c r="E34" s="11" t="s">
        <v>45</v>
      </c>
      <c r="F34" s="16">
        <v>0.62020000000000008</v>
      </c>
      <c r="G34" s="11" t="s">
        <v>11</v>
      </c>
      <c r="H34" s="11" t="s">
        <v>11</v>
      </c>
      <c r="I34" s="11" t="s">
        <v>11</v>
      </c>
      <c r="J34" s="11" t="s">
        <v>14</v>
      </c>
    </row>
    <row r="35" spans="1:10" x14ac:dyDescent="0.25">
      <c r="A35" s="11" t="s">
        <v>751</v>
      </c>
      <c r="B35" s="11" t="s">
        <v>11</v>
      </c>
      <c r="C35" s="11" t="s">
        <v>12</v>
      </c>
      <c r="D35" s="11" t="s">
        <v>46</v>
      </c>
      <c r="E35" s="11" t="s">
        <v>45</v>
      </c>
      <c r="F35" s="16">
        <v>0.56950000000000012</v>
      </c>
      <c r="G35" s="11" t="s">
        <v>11</v>
      </c>
      <c r="H35" s="11" t="s">
        <v>11</v>
      </c>
      <c r="I35" s="11" t="s">
        <v>11</v>
      </c>
      <c r="J35" s="11" t="s">
        <v>14</v>
      </c>
    </row>
    <row r="36" spans="1:10" x14ac:dyDescent="0.25">
      <c r="A36" s="11" t="s">
        <v>752</v>
      </c>
      <c r="B36" s="11" t="s">
        <v>11</v>
      </c>
      <c r="C36" s="11" t="s">
        <v>12</v>
      </c>
      <c r="D36" s="11" t="s">
        <v>46</v>
      </c>
      <c r="E36" s="11" t="s">
        <v>45</v>
      </c>
      <c r="F36" s="16">
        <v>1.0556999999999999</v>
      </c>
      <c r="G36" s="11" t="s">
        <v>11</v>
      </c>
      <c r="H36" s="11" t="s">
        <v>11</v>
      </c>
      <c r="I36" s="11" t="s">
        <v>11</v>
      </c>
      <c r="J36" s="11" t="s">
        <v>14</v>
      </c>
    </row>
    <row r="37" spans="1:10" x14ac:dyDescent="0.25">
      <c r="A37" s="11" t="s">
        <v>753</v>
      </c>
      <c r="B37" s="11" t="s">
        <v>11</v>
      </c>
      <c r="C37" s="11" t="s">
        <v>12</v>
      </c>
      <c r="D37" s="11" t="s">
        <v>46</v>
      </c>
      <c r="E37" s="11" t="s">
        <v>45</v>
      </c>
      <c r="F37" s="16">
        <v>1.0556999999999999</v>
      </c>
      <c r="G37" s="11" t="s">
        <v>11</v>
      </c>
      <c r="H37" s="11" t="s">
        <v>11</v>
      </c>
      <c r="I37" s="11" t="s">
        <v>11</v>
      </c>
      <c r="J37" s="11" t="s">
        <v>14</v>
      </c>
    </row>
    <row r="38" spans="1:10" x14ac:dyDescent="0.25">
      <c r="A38" s="11" t="s">
        <v>754</v>
      </c>
      <c r="B38" s="11" t="s">
        <v>11</v>
      </c>
      <c r="C38" s="11" t="s">
        <v>12</v>
      </c>
      <c r="D38" s="11" t="s">
        <v>46</v>
      </c>
      <c r="E38" s="11" t="s">
        <v>45</v>
      </c>
      <c r="F38" s="16">
        <v>0.53330000000000011</v>
      </c>
      <c r="G38" s="11" t="s">
        <v>11</v>
      </c>
      <c r="H38" s="11" t="s">
        <v>11</v>
      </c>
      <c r="I38" s="11" t="s">
        <v>11</v>
      </c>
      <c r="J38" s="11" t="s">
        <v>14</v>
      </c>
    </row>
    <row r="39" spans="1:10" x14ac:dyDescent="0.25">
      <c r="A39" s="11" t="s">
        <v>755</v>
      </c>
      <c r="B39" s="11" t="s">
        <v>11</v>
      </c>
      <c r="C39" s="11" t="s">
        <v>12</v>
      </c>
      <c r="D39" s="11" t="s">
        <v>46</v>
      </c>
      <c r="E39" s="11" t="s">
        <v>45</v>
      </c>
      <c r="F39" s="16">
        <v>1.0556999999999999</v>
      </c>
      <c r="G39" s="11" t="s">
        <v>11</v>
      </c>
      <c r="H39" s="11" t="s">
        <v>11</v>
      </c>
      <c r="I39" s="11" t="s">
        <v>11</v>
      </c>
      <c r="J39" s="11" t="s">
        <v>14</v>
      </c>
    </row>
    <row r="40" spans="1:10" x14ac:dyDescent="0.25">
      <c r="A40" s="11" t="s">
        <v>756</v>
      </c>
      <c r="B40" s="11" t="s">
        <v>11</v>
      </c>
      <c r="C40" s="11" t="s">
        <v>12</v>
      </c>
      <c r="D40" s="11" t="s">
        <v>46</v>
      </c>
      <c r="E40" s="11" t="s">
        <v>45</v>
      </c>
      <c r="F40" s="16">
        <v>1.0556999999999999</v>
      </c>
      <c r="G40" s="11" t="s">
        <v>11</v>
      </c>
      <c r="H40" s="11" t="s">
        <v>11</v>
      </c>
      <c r="I40" s="11" t="s">
        <v>11</v>
      </c>
      <c r="J40" s="11" t="s">
        <v>14</v>
      </c>
    </row>
  </sheetData>
  <mergeCells count="2">
    <mergeCell ref="A4:J4"/>
    <mergeCell ref="A5:J5"/>
  </mergeCells>
  <pageMargins left="0.511811024" right="0.511811024" top="0.78740157499999996" bottom="0.78740157499999996" header="0.31496062000000002" footer="0.3149606200000000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7"/>
  <sheetViews>
    <sheetView workbookViewId="0"/>
  </sheetViews>
  <sheetFormatPr defaultRowHeight="15" x14ac:dyDescent="0.25"/>
  <cols>
    <col min="1" max="1" width="9.140625" style="53"/>
    <col min="2" max="2" width="9.42578125" customWidth="1"/>
    <col min="3" max="3" width="10.42578125" customWidth="1"/>
    <col min="4" max="4" width="37.28515625" customWidth="1"/>
    <col min="5" max="5" width="13.42578125" customWidth="1"/>
    <col min="6" max="6" width="14.42578125" customWidth="1"/>
    <col min="7" max="7" width="24.7109375" customWidth="1"/>
    <col min="8" max="8" width="43.5703125" customWidth="1"/>
    <col min="9" max="9" width="7.7109375" style="53" customWidth="1"/>
    <col min="10" max="10" width="16.5703125" customWidth="1"/>
    <col min="11" max="11" width="4.28515625" customWidth="1"/>
    <col min="12" max="12" width="35.85546875" customWidth="1"/>
    <col min="13" max="13" width="11.85546875" bestFit="1" customWidth="1"/>
  </cols>
  <sheetData>
    <row r="1" spans="1:14" x14ac:dyDescent="0.25">
      <c r="A1" s="51" t="s">
        <v>184</v>
      </c>
      <c r="L1" s="3"/>
      <c r="M1" s="3"/>
    </row>
    <row r="2" spans="1:14" x14ac:dyDescent="0.25">
      <c r="A2" s="51" t="s">
        <v>181</v>
      </c>
      <c r="L2" s="3"/>
      <c r="M2" s="3"/>
    </row>
    <row r="3" spans="1:14" x14ac:dyDescent="0.25">
      <c r="A3" s="51" t="s">
        <v>182</v>
      </c>
      <c r="L3" s="3"/>
      <c r="M3" s="3"/>
    </row>
    <row r="4" spans="1:14" ht="22.5" customHeight="1" x14ac:dyDescent="0.25">
      <c r="A4" s="45" t="s">
        <v>757</v>
      </c>
      <c r="B4" s="45"/>
      <c r="C4" s="45"/>
      <c r="D4" s="45"/>
      <c r="E4" s="45"/>
      <c r="F4" s="45"/>
      <c r="G4" s="45"/>
      <c r="H4" s="45"/>
      <c r="I4" s="45"/>
      <c r="J4" s="45"/>
      <c r="K4" s="45"/>
      <c r="L4" s="45"/>
      <c r="M4" s="45"/>
    </row>
    <row r="5" spans="1:14" ht="95.25" customHeight="1" x14ac:dyDescent="0.25">
      <c r="A5" s="46" t="s">
        <v>180</v>
      </c>
      <c r="B5" s="46"/>
      <c r="C5" s="46"/>
      <c r="D5" s="46"/>
      <c r="E5" s="46"/>
      <c r="F5" s="46"/>
      <c r="G5" s="46"/>
      <c r="H5" s="46"/>
      <c r="I5" s="46"/>
      <c r="J5" s="46"/>
      <c r="K5" s="46"/>
      <c r="L5" s="46"/>
      <c r="M5" s="46"/>
    </row>
    <row r="6" spans="1:14" s="7" customFormat="1" ht="75" x14ac:dyDescent="0.25">
      <c r="A6" s="23" t="s">
        <v>0</v>
      </c>
      <c r="B6" s="23" t="s">
        <v>1</v>
      </c>
      <c r="C6" s="23" t="s">
        <v>2</v>
      </c>
      <c r="D6" s="23" t="s">
        <v>47</v>
      </c>
      <c r="E6" s="23" t="s">
        <v>487</v>
      </c>
      <c r="F6" s="23" t="s">
        <v>488</v>
      </c>
      <c r="G6" s="23" t="s">
        <v>832</v>
      </c>
      <c r="H6" s="23" t="s">
        <v>5</v>
      </c>
      <c r="I6" s="23" t="s">
        <v>6</v>
      </c>
      <c r="J6" s="23" t="s">
        <v>7</v>
      </c>
      <c r="K6" s="23" t="s">
        <v>8</v>
      </c>
      <c r="L6" s="23" t="s">
        <v>9</v>
      </c>
      <c r="M6" s="23" t="s">
        <v>10</v>
      </c>
    </row>
    <row r="7" spans="1:14" x14ac:dyDescent="0.25">
      <c r="A7" s="52" t="s">
        <v>760</v>
      </c>
      <c r="B7" s="11" t="s">
        <v>11</v>
      </c>
      <c r="C7" s="11" t="s">
        <v>12</v>
      </c>
      <c r="D7" s="11" t="s">
        <v>758</v>
      </c>
      <c r="E7" s="11" t="s">
        <v>11</v>
      </c>
      <c r="F7" s="11" t="s">
        <v>11</v>
      </c>
      <c r="G7" s="11" t="s">
        <v>11</v>
      </c>
      <c r="H7" s="11" t="s">
        <v>45</v>
      </c>
      <c r="I7" s="55">
        <v>0.42999999999999994</v>
      </c>
      <c r="J7" s="11" t="s">
        <v>11</v>
      </c>
      <c r="K7" s="11" t="s">
        <v>11</v>
      </c>
      <c r="L7" s="11" t="s">
        <v>11</v>
      </c>
      <c r="M7" s="11" t="s">
        <v>15</v>
      </c>
    </row>
    <row r="8" spans="1:14" x14ac:dyDescent="0.25">
      <c r="A8" s="52" t="s">
        <v>761</v>
      </c>
      <c r="B8" s="11" t="s">
        <v>11</v>
      </c>
      <c r="C8" s="11" t="s">
        <v>12</v>
      </c>
      <c r="D8" s="11" t="s">
        <v>758</v>
      </c>
      <c r="E8" s="11" t="s">
        <v>11</v>
      </c>
      <c r="F8" s="11" t="s">
        <v>11</v>
      </c>
      <c r="G8" s="11" t="s">
        <v>11</v>
      </c>
      <c r="H8" s="11" t="s">
        <v>45</v>
      </c>
      <c r="I8" s="55">
        <v>0.42999999999999994</v>
      </c>
      <c r="J8" s="11" t="s">
        <v>11</v>
      </c>
      <c r="K8" s="11" t="s">
        <v>11</v>
      </c>
      <c r="L8" s="11" t="s">
        <v>11</v>
      </c>
      <c r="M8" s="11" t="s">
        <v>15</v>
      </c>
    </row>
    <row r="9" spans="1:14" x14ac:dyDescent="0.25">
      <c r="A9" s="52" t="s">
        <v>762</v>
      </c>
      <c r="B9" s="11" t="s">
        <v>11</v>
      </c>
      <c r="C9" s="11" t="s">
        <v>12</v>
      </c>
      <c r="D9" s="11" t="s">
        <v>758</v>
      </c>
      <c r="E9" s="11" t="s">
        <v>11</v>
      </c>
      <c r="F9" s="11" t="s">
        <v>11</v>
      </c>
      <c r="G9" s="11" t="s">
        <v>11</v>
      </c>
      <c r="H9" s="11" t="s">
        <v>45</v>
      </c>
      <c r="I9" s="55">
        <v>0.42999999999999994</v>
      </c>
      <c r="J9" s="11" t="s">
        <v>11</v>
      </c>
      <c r="K9" s="11" t="s">
        <v>11</v>
      </c>
      <c r="L9" s="11" t="s">
        <v>11</v>
      </c>
      <c r="M9" s="11" t="s">
        <v>14</v>
      </c>
    </row>
    <row r="10" spans="1:14" x14ac:dyDescent="0.25">
      <c r="A10" s="52" t="s">
        <v>763</v>
      </c>
      <c r="B10" s="11" t="s">
        <v>11</v>
      </c>
      <c r="C10" s="11" t="s">
        <v>12</v>
      </c>
      <c r="D10" s="11" t="s">
        <v>758</v>
      </c>
      <c r="E10" s="11" t="s">
        <v>11</v>
      </c>
      <c r="F10" s="11" t="s">
        <v>11</v>
      </c>
      <c r="G10" s="11" t="s">
        <v>11</v>
      </c>
      <c r="H10" s="11" t="s">
        <v>45</v>
      </c>
      <c r="I10" s="55">
        <v>0.42999999999999994</v>
      </c>
      <c r="J10" s="11" t="s">
        <v>11</v>
      </c>
      <c r="K10" s="11" t="s">
        <v>11</v>
      </c>
      <c r="L10" s="11" t="s">
        <v>11</v>
      </c>
      <c r="M10" s="11" t="s">
        <v>14</v>
      </c>
    </row>
    <row r="11" spans="1:14" x14ac:dyDescent="0.25">
      <c r="A11" s="52" t="s">
        <v>764</v>
      </c>
      <c r="B11" s="11" t="s">
        <v>11</v>
      </c>
      <c r="C11" s="11" t="s">
        <v>12</v>
      </c>
      <c r="D11" s="11" t="s">
        <v>758</v>
      </c>
      <c r="E11" s="11" t="s">
        <v>11</v>
      </c>
      <c r="F11" s="11" t="s">
        <v>11</v>
      </c>
      <c r="G11" s="11" t="s">
        <v>11</v>
      </c>
      <c r="H11" s="11" t="s">
        <v>45</v>
      </c>
      <c r="I11" s="55">
        <v>0.42999999999999994</v>
      </c>
      <c r="J11" s="11" t="s">
        <v>11</v>
      </c>
      <c r="K11" s="11" t="s">
        <v>11</v>
      </c>
      <c r="L11" s="11" t="s">
        <v>11</v>
      </c>
      <c r="M11" s="11" t="s">
        <v>14</v>
      </c>
    </row>
    <row r="12" spans="1:14" x14ac:dyDescent="0.25">
      <c r="A12" s="52" t="s">
        <v>765</v>
      </c>
      <c r="B12" s="11" t="s">
        <v>11</v>
      </c>
      <c r="C12" s="11" t="s">
        <v>12</v>
      </c>
      <c r="D12" s="11" t="s">
        <v>46</v>
      </c>
      <c r="E12" s="11" t="s">
        <v>11</v>
      </c>
      <c r="F12" s="11" t="s">
        <v>11</v>
      </c>
      <c r="G12" s="11" t="s">
        <v>11</v>
      </c>
      <c r="H12" s="11" t="s">
        <v>45</v>
      </c>
      <c r="I12" s="55">
        <v>0.42999999999999994</v>
      </c>
      <c r="J12" s="11" t="s">
        <v>11</v>
      </c>
      <c r="K12" s="11" t="s">
        <v>11</v>
      </c>
      <c r="L12" s="11" t="s">
        <v>11</v>
      </c>
      <c r="M12" s="11" t="s">
        <v>14</v>
      </c>
    </row>
    <row r="13" spans="1:14" x14ac:dyDescent="0.25">
      <c r="A13" s="52" t="s">
        <v>766</v>
      </c>
      <c r="B13" s="11" t="s">
        <v>11</v>
      </c>
      <c r="C13" s="11" t="s">
        <v>12</v>
      </c>
      <c r="D13" s="11" t="s">
        <v>758</v>
      </c>
      <c r="E13" s="11" t="s">
        <v>11</v>
      </c>
      <c r="F13" s="11" t="s">
        <v>11</v>
      </c>
      <c r="G13" s="11" t="s">
        <v>11</v>
      </c>
      <c r="H13" s="11" t="s">
        <v>45</v>
      </c>
      <c r="I13" s="55">
        <v>0.42999999999999994</v>
      </c>
      <c r="J13" s="11" t="s">
        <v>11</v>
      </c>
      <c r="K13" s="11" t="s">
        <v>11</v>
      </c>
      <c r="L13" s="11" t="s">
        <v>11</v>
      </c>
      <c r="M13" s="11" t="s">
        <v>15</v>
      </c>
    </row>
    <row r="14" spans="1:14" x14ac:dyDescent="0.25">
      <c r="A14" s="52" t="s">
        <v>767</v>
      </c>
      <c r="B14" s="11" t="s">
        <v>11</v>
      </c>
      <c r="C14" s="11" t="s">
        <v>12</v>
      </c>
      <c r="D14" s="11" t="s">
        <v>758</v>
      </c>
      <c r="E14" s="11" t="s">
        <v>11</v>
      </c>
      <c r="F14" s="11" t="s">
        <v>11</v>
      </c>
      <c r="G14" s="11" t="s">
        <v>11</v>
      </c>
      <c r="H14" s="11" t="s">
        <v>45</v>
      </c>
      <c r="I14" s="55">
        <v>0.42999999999999994</v>
      </c>
      <c r="J14" s="11" t="s">
        <v>11</v>
      </c>
      <c r="K14" s="11" t="s">
        <v>11</v>
      </c>
      <c r="L14" s="11" t="s">
        <v>16</v>
      </c>
      <c r="M14" s="11" t="s">
        <v>17</v>
      </c>
    </row>
    <row r="15" spans="1:14" x14ac:dyDescent="0.25">
      <c r="A15" s="52" t="s">
        <v>768</v>
      </c>
      <c r="B15" s="11" t="s">
        <v>11</v>
      </c>
      <c r="C15" s="11" t="s">
        <v>12</v>
      </c>
      <c r="D15" s="11" t="s">
        <v>758</v>
      </c>
      <c r="E15" s="11" t="s">
        <v>11</v>
      </c>
      <c r="F15" s="11" t="s">
        <v>11</v>
      </c>
      <c r="G15" s="11" t="s">
        <v>11</v>
      </c>
      <c r="H15" s="11" t="s">
        <v>45</v>
      </c>
      <c r="I15" s="55">
        <v>0.42999999999999994</v>
      </c>
      <c r="J15" s="11" t="s">
        <v>11</v>
      </c>
      <c r="K15" s="11" t="s">
        <v>11</v>
      </c>
      <c r="L15" s="11" t="s">
        <v>11</v>
      </c>
      <c r="M15" s="11" t="s">
        <v>15</v>
      </c>
    </row>
    <row r="16" spans="1:14" x14ac:dyDescent="0.25">
      <c r="A16" s="52" t="s">
        <v>769</v>
      </c>
      <c r="B16" s="11" t="s">
        <v>11</v>
      </c>
      <c r="C16" s="11" t="s">
        <v>12</v>
      </c>
      <c r="D16" s="11" t="s">
        <v>758</v>
      </c>
      <c r="E16" s="11" t="s">
        <v>11</v>
      </c>
      <c r="F16" s="11" t="s">
        <v>11</v>
      </c>
      <c r="G16" s="11" t="s">
        <v>11</v>
      </c>
      <c r="H16" s="11" t="s">
        <v>45</v>
      </c>
      <c r="I16" s="55">
        <v>0.42999999999999994</v>
      </c>
      <c r="J16" s="11" t="s">
        <v>11</v>
      </c>
      <c r="K16" s="11" t="s">
        <v>11</v>
      </c>
      <c r="L16" s="11" t="s">
        <v>11</v>
      </c>
      <c r="M16" s="11" t="s">
        <v>15</v>
      </c>
      <c r="N16" s="56"/>
    </row>
    <row r="17" spans="1:14" x14ac:dyDescent="0.25">
      <c r="A17" s="52" t="s">
        <v>770</v>
      </c>
      <c r="B17" s="11" t="s">
        <v>11</v>
      </c>
      <c r="C17" s="11" t="s">
        <v>12</v>
      </c>
      <c r="D17" s="11" t="s">
        <v>758</v>
      </c>
      <c r="E17" s="11" t="s">
        <v>11</v>
      </c>
      <c r="F17" s="11" t="s">
        <v>11</v>
      </c>
      <c r="G17" s="11" t="s">
        <v>11</v>
      </c>
      <c r="H17" s="11" t="s">
        <v>45</v>
      </c>
      <c r="I17" s="55">
        <v>0.42999999999999994</v>
      </c>
      <c r="J17" s="11" t="s">
        <v>11</v>
      </c>
      <c r="K17" s="11" t="s">
        <v>11</v>
      </c>
      <c r="L17" s="11" t="s">
        <v>11</v>
      </c>
      <c r="M17" s="11" t="s">
        <v>15</v>
      </c>
    </row>
    <row r="18" spans="1:14" x14ac:dyDescent="0.25">
      <c r="A18" s="52" t="s">
        <v>771</v>
      </c>
      <c r="B18" s="11" t="s">
        <v>11</v>
      </c>
      <c r="C18" s="11" t="s">
        <v>12</v>
      </c>
      <c r="D18" s="11" t="s">
        <v>758</v>
      </c>
      <c r="E18" s="11" t="s">
        <v>11</v>
      </c>
      <c r="F18" s="11" t="s">
        <v>11</v>
      </c>
      <c r="G18" s="11" t="s">
        <v>11</v>
      </c>
      <c r="H18" s="11" t="s">
        <v>45</v>
      </c>
      <c r="I18" s="55">
        <v>0.42999999999999994</v>
      </c>
      <c r="J18" s="11" t="s">
        <v>11</v>
      </c>
      <c r="K18" s="11" t="s">
        <v>11</v>
      </c>
      <c r="L18" s="11" t="s">
        <v>11</v>
      </c>
      <c r="M18" s="11" t="s">
        <v>15</v>
      </c>
    </row>
    <row r="19" spans="1:14" x14ac:dyDescent="0.25">
      <c r="A19" s="52" t="s">
        <v>772</v>
      </c>
      <c r="B19" s="11" t="s">
        <v>11</v>
      </c>
      <c r="C19" s="11" t="s">
        <v>12</v>
      </c>
      <c r="D19" s="11" t="s">
        <v>758</v>
      </c>
      <c r="E19" s="11" t="s">
        <v>11</v>
      </c>
      <c r="F19" s="11" t="s">
        <v>11</v>
      </c>
      <c r="G19" s="11" t="s">
        <v>11</v>
      </c>
      <c r="H19" s="11" t="s">
        <v>45</v>
      </c>
      <c r="I19" s="55">
        <v>0.42999999999999994</v>
      </c>
      <c r="J19" s="11" t="s">
        <v>11</v>
      </c>
      <c r="K19" s="11" t="s">
        <v>11</v>
      </c>
      <c r="L19" s="11" t="s">
        <v>11</v>
      </c>
      <c r="M19" s="11" t="s">
        <v>15</v>
      </c>
    </row>
    <row r="20" spans="1:14" x14ac:dyDescent="0.25">
      <c r="A20" s="52" t="s">
        <v>773</v>
      </c>
      <c r="B20" s="11" t="s">
        <v>11</v>
      </c>
      <c r="C20" s="11" t="s">
        <v>12</v>
      </c>
      <c r="D20" s="11" t="s">
        <v>758</v>
      </c>
      <c r="E20" s="11" t="s">
        <v>11</v>
      </c>
      <c r="F20" s="11" t="s">
        <v>11</v>
      </c>
      <c r="G20" s="11" t="s">
        <v>11</v>
      </c>
      <c r="H20" s="11" t="s">
        <v>45</v>
      </c>
      <c r="I20" s="55">
        <v>0.42999999999999994</v>
      </c>
      <c r="J20" s="11" t="s">
        <v>11</v>
      </c>
      <c r="K20" s="11" t="s">
        <v>11</v>
      </c>
      <c r="L20" s="11" t="s">
        <v>11</v>
      </c>
      <c r="M20" s="11" t="s">
        <v>15</v>
      </c>
    </row>
    <row r="21" spans="1:14" x14ac:dyDescent="0.25">
      <c r="A21" s="52" t="s">
        <v>774</v>
      </c>
      <c r="B21" s="11" t="s">
        <v>11</v>
      </c>
      <c r="C21" s="11" t="s">
        <v>12</v>
      </c>
      <c r="D21" s="11" t="s">
        <v>758</v>
      </c>
      <c r="E21" s="11" t="s">
        <v>11</v>
      </c>
      <c r="F21" s="11" t="s">
        <v>11</v>
      </c>
      <c r="G21" s="11" t="s">
        <v>11</v>
      </c>
      <c r="H21" s="11" t="s">
        <v>45</v>
      </c>
      <c r="I21" s="55">
        <v>0.42999999999999994</v>
      </c>
      <c r="J21" s="11" t="s">
        <v>11</v>
      </c>
      <c r="K21" s="11" t="s">
        <v>11</v>
      </c>
      <c r="L21" s="11" t="s">
        <v>11</v>
      </c>
      <c r="M21" s="11" t="s">
        <v>15</v>
      </c>
    </row>
    <row r="22" spans="1:14" x14ac:dyDescent="0.25">
      <c r="A22" s="52" t="s">
        <v>775</v>
      </c>
      <c r="B22" s="11" t="s">
        <v>11</v>
      </c>
      <c r="C22" s="11" t="s">
        <v>12</v>
      </c>
      <c r="D22" s="11" t="s">
        <v>758</v>
      </c>
      <c r="E22" s="11" t="s">
        <v>11</v>
      </c>
      <c r="F22" s="11" t="s">
        <v>11</v>
      </c>
      <c r="G22" s="11" t="s">
        <v>11</v>
      </c>
      <c r="H22" s="11" t="s">
        <v>45</v>
      </c>
      <c r="I22" s="55">
        <v>0.42999999999999994</v>
      </c>
      <c r="J22" s="11" t="s">
        <v>11</v>
      </c>
      <c r="K22" s="11" t="s">
        <v>11</v>
      </c>
      <c r="L22" s="11" t="s">
        <v>11</v>
      </c>
      <c r="M22" s="11" t="s">
        <v>15</v>
      </c>
    </row>
    <row r="23" spans="1:14" x14ac:dyDescent="0.25">
      <c r="A23" s="52" t="s">
        <v>776</v>
      </c>
      <c r="B23" s="11" t="s">
        <v>11</v>
      </c>
      <c r="C23" s="11" t="s">
        <v>12</v>
      </c>
      <c r="D23" s="11" t="s">
        <v>759</v>
      </c>
      <c r="E23" s="11" t="s">
        <v>11</v>
      </c>
      <c r="F23" s="11" t="s">
        <v>11</v>
      </c>
      <c r="G23" s="11" t="s">
        <v>11</v>
      </c>
      <c r="H23" s="11" t="s">
        <v>45</v>
      </c>
      <c r="I23" s="55">
        <v>0.33050000000000002</v>
      </c>
      <c r="J23" s="11" t="s">
        <v>11</v>
      </c>
      <c r="K23" s="11" t="s">
        <v>11</v>
      </c>
      <c r="L23" s="11" t="s">
        <v>11</v>
      </c>
      <c r="M23" s="11">
        <v>17</v>
      </c>
      <c r="N23" s="64"/>
    </row>
    <row r="24" spans="1:14" x14ac:dyDescent="0.25">
      <c r="A24" s="52" t="s">
        <v>777</v>
      </c>
      <c r="B24" s="11" t="s">
        <v>11</v>
      </c>
      <c r="C24" s="11" t="s">
        <v>12</v>
      </c>
      <c r="D24" s="11" t="s">
        <v>758</v>
      </c>
      <c r="E24" s="11" t="s">
        <v>11</v>
      </c>
      <c r="F24" s="11" t="s">
        <v>11</v>
      </c>
      <c r="G24" s="11" t="s">
        <v>11</v>
      </c>
      <c r="H24" s="11" t="s">
        <v>45</v>
      </c>
      <c r="I24" s="55">
        <v>0.42999999999999994</v>
      </c>
      <c r="J24" s="11" t="s">
        <v>11</v>
      </c>
      <c r="K24" s="11" t="s">
        <v>11</v>
      </c>
      <c r="L24" s="11" t="s">
        <v>11</v>
      </c>
      <c r="M24" s="11" t="s">
        <v>14</v>
      </c>
    </row>
    <row r="25" spans="1:14" x14ac:dyDescent="0.25">
      <c r="A25" s="52" t="s">
        <v>778</v>
      </c>
      <c r="B25" s="11" t="s">
        <v>11</v>
      </c>
      <c r="C25" s="11" t="s">
        <v>12</v>
      </c>
      <c r="D25" s="11" t="s">
        <v>758</v>
      </c>
      <c r="E25" s="11" t="s">
        <v>11</v>
      </c>
      <c r="F25" s="11" t="s">
        <v>11</v>
      </c>
      <c r="G25" s="11" t="s">
        <v>11</v>
      </c>
      <c r="H25" s="11" t="s">
        <v>45</v>
      </c>
      <c r="I25" s="55">
        <v>0.42999999999999994</v>
      </c>
      <c r="J25" s="11" t="s">
        <v>11</v>
      </c>
      <c r="K25" s="11" t="s">
        <v>11</v>
      </c>
      <c r="L25" s="11" t="s">
        <v>11</v>
      </c>
      <c r="M25" s="11" t="s">
        <v>15</v>
      </c>
    </row>
    <row r="26" spans="1:14" x14ac:dyDescent="0.25">
      <c r="A26" s="52" t="s">
        <v>779</v>
      </c>
      <c r="B26" s="11" t="s">
        <v>11</v>
      </c>
      <c r="C26" s="11" t="s">
        <v>12</v>
      </c>
      <c r="D26" s="11" t="s">
        <v>758</v>
      </c>
      <c r="E26" s="11" t="s">
        <v>11</v>
      </c>
      <c r="F26" s="11" t="s">
        <v>11</v>
      </c>
      <c r="G26" s="11" t="s">
        <v>11</v>
      </c>
      <c r="H26" s="11" t="s">
        <v>45</v>
      </c>
      <c r="I26" s="55">
        <v>0.42999999999999994</v>
      </c>
      <c r="J26" s="11" t="s">
        <v>11</v>
      </c>
      <c r="K26" s="11" t="s">
        <v>11</v>
      </c>
      <c r="L26" s="11" t="s">
        <v>11</v>
      </c>
      <c r="M26" s="11" t="s">
        <v>15</v>
      </c>
    </row>
    <row r="27" spans="1:14" x14ac:dyDescent="0.25">
      <c r="A27" s="52" t="s">
        <v>780</v>
      </c>
      <c r="B27" s="11" t="s">
        <v>11</v>
      </c>
      <c r="C27" s="11" t="s">
        <v>12</v>
      </c>
      <c r="D27" s="11" t="s">
        <v>758</v>
      </c>
      <c r="E27" s="11" t="s">
        <v>11</v>
      </c>
      <c r="F27" s="11" t="s">
        <v>11</v>
      </c>
      <c r="G27" s="11" t="s">
        <v>11</v>
      </c>
      <c r="H27" s="11" t="s">
        <v>45</v>
      </c>
      <c r="I27" s="55">
        <v>0.42999999999999994</v>
      </c>
      <c r="J27" s="11" t="s">
        <v>11</v>
      </c>
      <c r="K27" s="11" t="s">
        <v>11</v>
      </c>
      <c r="L27" s="11" t="s">
        <v>11</v>
      </c>
      <c r="M27" s="11" t="s">
        <v>15</v>
      </c>
    </row>
    <row r="28" spans="1:14" x14ac:dyDescent="0.25">
      <c r="A28" s="52" t="s">
        <v>781</v>
      </c>
      <c r="B28" s="11" t="s">
        <v>11</v>
      </c>
      <c r="C28" s="11" t="s">
        <v>12</v>
      </c>
      <c r="D28" s="11" t="s">
        <v>758</v>
      </c>
      <c r="E28" s="11" t="s">
        <v>11</v>
      </c>
      <c r="F28" s="11" t="s">
        <v>11</v>
      </c>
      <c r="G28" s="11" t="s">
        <v>11</v>
      </c>
      <c r="H28" s="11" t="s">
        <v>45</v>
      </c>
      <c r="I28" s="55">
        <v>0.42999999999999994</v>
      </c>
      <c r="J28" s="11" t="s">
        <v>11</v>
      </c>
      <c r="K28" s="11" t="s">
        <v>11</v>
      </c>
      <c r="L28" s="11" t="s">
        <v>11</v>
      </c>
      <c r="M28" s="11" t="s">
        <v>15</v>
      </c>
    </row>
    <row r="29" spans="1:14" x14ac:dyDescent="0.25">
      <c r="A29" s="52" t="s">
        <v>782</v>
      </c>
      <c r="B29" s="11" t="s">
        <v>11</v>
      </c>
      <c r="C29" s="11" t="s">
        <v>12</v>
      </c>
      <c r="D29" s="11" t="s">
        <v>758</v>
      </c>
      <c r="E29" s="11" t="s">
        <v>11</v>
      </c>
      <c r="F29" s="11" t="s">
        <v>11</v>
      </c>
      <c r="G29" s="11" t="s">
        <v>11</v>
      </c>
      <c r="H29" s="11" t="s">
        <v>45</v>
      </c>
      <c r="I29" s="55">
        <v>0.42999999999999994</v>
      </c>
      <c r="J29" s="11" t="s">
        <v>11</v>
      </c>
      <c r="K29" s="11" t="s">
        <v>11</v>
      </c>
      <c r="L29" s="11" t="s">
        <v>11</v>
      </c>
      <c r="M29" s="11" t="s">
        <v>15</v>
      </c>
    </row>
    <row r="30" spans="1:14" x14ac:dyDescent="0.25">
      <c r="A30" s="52" t="s">
        <v>783</v>
      </c>
      <c r="B30" s="11" t="s">
        <v>11</v>
      </c>
      <c r="C30" s="11" t="s">
        <v>12</v>
      </c>
      <c r="D30" s="11" t="s">
        <v>830</v>
      </c>
      <c r="E30" s="11" t="s">
        <v>834</v>
      </c>
      <c r="F30" s="11" t="s">
        <v>835</v>
      </c>
      <c r="G30" s="11" t="s">
        <v>11</v>
      </c>
      <c r="H30" s="11" t="s">
        <v>45</v>
      </c>
      <c r="I30" s="55">
        <v>0.19750000000000001</v>
      </c>
      <c r="J30" s="11" t="s">
        <v>11</v>
      </c>
      <c r="K30" s="11" t="s">
        <v>11</v>
      </c>
      <c r="L30" s="11" t="s">
        <v>11</v>
      </c>
      <c r="M30" s="11" t="s">
        <v>14</v>
      </c>
    </row>
    <row r="31" spans="1:14" x14ac:dyDescent="0.25">
      <c r="A31" s="52" t="s">
        <v>784</v>
      </c>
      <c r="B31" s="11" t="s">
        <v>11</v>
      </c>
      <c r="C31" s="11" t="s">
        <v>12</v>
      </c>
      <c r="D31" s="11" t="s">
        <v>830</v>
      </c>
      <c r="E31" s="11" t="s">
        <v>834</v>
      </c>
      <c r="F31" s="11" t="s">
        <v>835</v>
      </c>
      <c r="G31" s="11" t="s">
        <v>11</v>
      </c>
      <c r="H31" s="11" t="s">
        <v>45</v>
      </c>
      <c r="I31" s="55">
        <v>0.19750000000000001</v>
      </c>
      <c r="J31" s="11" t="s">
        <v>11</v>
      </c>
      <c r="K31" s="11" t="s">
        <v>11</v>
      </c>
      <c r="L31" s="11" t="s">
        <v>11</v>
      </c>
      <c r="M31" s="11" t="s">
        <v>14</v>
      </c>
    </row>
    <row r="32" spans="1:14" x14ac:dyDescent="0.25">
      <c r="A32" s="52" t="s">
        <v>785</v>
      </c>
      <c r="B32" s="11" t="s">
        <v>11</v>
      </c>
      <c r="C32" s="11" t="s">
        <v>12</v>
      </c>
      <c r="D32" s="11" t="s">
        <v>830</v>
      </c>
      <c r="E32" s="11" t="s">
        <v>834</v>
      </c>
      <c r="F32" s="11" t="s">
        <v>835</v>
      </c>
      <c r="G32" s="11" t="s">
        <v>11</v>
      </c>
      <c r="H32" s="11" t="s">
        <v>45</v>
      </c>
      <c r="I32" s="55">
        <v>0.19750000000000001</v>
      </c>
      <c r="J32" s="11" t="s">
        <v>11</v>
      </c>
      <c r="K32" s="11" t="s">
        <v>11</v>
      </c>
      <c r="L32" s="11" t="s">
        <v>11</v>
      </c>
      <c r="M32" s="11" t="s">
        <v>14</v>
      </c>
    </row>
    <row r="33" spans="1:13" x14ac:dyDescent="0.25">
      <c r="A33" s="52" t="s">
        <v>786</v>
      </c>
      <c r="B33" s="11" t="s">
        <v>11</v>
      </c>
      <c r="C33" s="11" t="s">
        <v>12</v>
      </c>
      <c r="D33" s="11" t="s">
        <v>758</v>
      </c>
      <c r="E33" s="11" t="s">
        <v>11</v>
      </c>
      <c r="F33" s="11" t="s">
        <v>11</v>
      </c>
      <c r="G33" s="11" t="s">
        <v>11</v>
      </c>
      <c r="H33" s="11" t="s">
        <v>45</v>
      </c>
      <c r="I33" s="55">
        <v>0.42999999999999994</v>
      </c>
      <c r="J33" s="11" t="s">
        <v>11</v>
      </c>
      <c r="K33" s="11" t="s">
        <v>11</v>
      </c>
      <c r="L33" s="11" t="s">
        <v>11</v>
      </c>
      <c r="M33" s="11" t="s">
        <v>14</v>
      </c>
    </row>
    <row r="34" spans="1:13" x14ac:dyDescent="0.25">
      <c r="A34" s="52" t="s">
        <v>787</v>
      </c>
      <c r="B34" s="11" t="s">
        <v>11</v>
      </c>
      <c r="C34" s="11" t="s">
        <v>12</v>
      </c>
      <c r="D34" s="11" t="s">
        <v>758</v>
      </c>
      <c r="E34" s="11" t="s">
        <v>11</v>
      </c>
      <c r="F34" s="11" t="s">
        <v>11</v>
      </c>
      <c r="G34" s="11" t="s">
        <v>11</v>
      </c>
      <c r="H34" s="11" t="s">
        <v>45</v>
      </c>
      <c r="I34" s="55">
        <v>0.42999999999999994</v>
      </c>
      <c r="J34" s="11" t="s">
        <v>11</v>
      </c>
      <c r="K34" s="11" t="s">
        <v>11</v>
      </c>
      <c r="L34" s="11" t="s">
        <v>11</v>
      </c>
      <c r="M34" s="11" t="s">
        <v>14</v>
      </c>
    </row>
    <row r="35" spans="1:13" x14ac:dyDescent="0.25">
      <c r="A35" s="52" t="s">
        <v>788</v>
      </c>
      <c r="B35" s="11" t="s">
        <v>11</v>
      </c>
      <c r="C35" s="11" t="s">
        <v>12</v>
      </c>
      <c r="D35" s="11" t="s">
        <v>758</v>
      </c>
      <c r="E35" s="11" t="s">
        <v>11</v>
      </c>
      <c r="F35" s="11" t="s">
        <v>11</v>
      </c>
      <c r="G35" s="11" t="s">
        <v>11</v>
      </c>
      <c r="H35" s="11" t="s">
        <v>45</v>
      </c>
      <c r="I35" s="55">
        <v>0.42999999999999994</v>
      </c>
      <c r="J35" s="11" t="s">
        <v>11</v>
      </c>
      <c r="K35" s="11" t="s">
        <v>11</v>
      </c>
      <c r="L35" s="11" t="s">
        <v>11</v>
      </c>
      <c r="M35" s="11" t="s">
        <v>14</v>
      </c>
    </row>
    <row r="36" spans="1:13" x14ac:dyDescent="0.25">
      <c r="A36" s="52" t="s">
        <v>789</v>
      </c>
      <c r="B36" s="11" t="s">
        <v>11</v>
      </c>
      <c r="C36" s="11" t="s">
        <v>12</v>
      </c>
      <c r="D36" s="11" t="s">
        <v>758</v>
      </c>
      <c r="E36" s="11" t="s">
        <v>11</v>
      </c>
      <c r="F36" s="11" t="s">
        <v>11</v>
      </c>
      <c r="G36" s="11" t="s">
        <v>11</v>
      </c>
      <c r="H36" s="11" t="s">
        <v>45</v>
      </c>
      <c r="I36" s="55">
        <v>0.42999999999999994</v>
      </c>
      <c r="J36" s="11" t="s">
        <v>11</v>
      </c>
      <c r="K36" s="11" t="s">
        <v>11</v>
      </c>
      <c r="L36" s="11" t="s">
        <v>11</v>
      </c>
      <c r="M36" s="11" t="s">
        <v>14</v>
      </c>
    </row>
    <row r="37" spans="1:13" x14ac:dyDescent="0.25">
      <c r="A37" s="52" t="s">
        <v>790</v>
      </c>
      <c r="B37" s="11" t="s">
        <v>11</v>
      </c>
      <c r="C37" s="11" t="s">
        <v>12</v>
      </c>
      <c r="D37" s="11" t="s">
        <v>758</v>
      </c>
      <c r="E37" s="11" t="s">
        <v>11</v>
      </c>
      <c r="F37" s="11" t="s">
        <v>11</v>
      </c>
      <c r="G37" s="11" t="s">
        <v>11</v>
      </c>
      <c r="H37" s="11" t="s">
        <v>45</v>
      </c>
      <c r="I37" s="55">
        <v>0.42999999999999994</v>
      </c>
      <c r="J37" s="11" t="s">
        <v>11</v>
      </c>
      <c r="K37" s="11" t="s">
        <v>11</v>
      </c>
      <c r="L37" s="11" t="s">
        <v>11</v>
      </c>
      <c r="M37" s="11" t="s">
        <v>14</v>
      </c>
    </row>
    <row r="38" spans="1:13" x14ac:dyDescent="0.25">
      <c r="A38" s="52" t="s">
        <v>791</v>
      </c>
      <c r="B38" s="11" t="s">
        <v>11</v>
      </c>
      <c r="C38" s="11" t="s">
        <v>12</v>
      </c>
      <c r="D38" s="11" t="s">
        <v>758</v>
      </c>
      <c r="E38" s="11" t="s">
        <v>11</v>
      </c>
      <c r="F38" s="11" t="s">
        <v>11</v>
      </c>
      <c r="G38" s="11" t="s">
        <v>11</v>
      </c>
      <c r="H38" s="11" t="s">
        <v>45</v>
      </c>
      <c r="I38" s="55">
        <v>0.42999999999999994</v>
      </c>
      <c r="J38" s="11" t="s">
        <v>11</v>
      </c>
      <c r="K38" s="11" t="s">
        <v>11</v>
      </c>
      <c r="L38" s="11" t="s">
        <v>11</v>
      </c>
      <c r="M38" s="11" t="s">
        <v>14</v>
      </c>
    </row>
    <row r="39" spans="1:13" x14ac:dyDescent="0.25">
      <c r="A39" s="52" t="s">
        <v>792</v>
      </c>
      <c r="B39" s="11" t="s">
        <v>11</v>
      </c>
      <c r="C39" s="11" t="s">
        <v>12</v>
      </c>
      <c r="D39" s="11" t="s">
        <v>758</v>
      </c>
      <c r="E39" s="11" t="s">
        <v>11</v>
      </c>
      <c r="F39" s="11" t="s">
        <v>11</v>
      </c>
      <c r="G39" s="11" t="s">
        <v>11</v>
      </c>
      <c r="H39" s="11" t="s">
        <v>45</v>
      </c>
      <c r="I39" s="55">
        <v>0.42999999999999994</v>
      </c>
      <c r="J39" s="11" t="s">
        <v>11</v>
      </c>
      <c r="K39" s="11" t="s">
        <v>11</v>
      </c>
      <c r="L39" s="11" t="s">
        <v>11</v>
      </c>
      <c r="M39" s="11" t="s">
        <v>14</v>
      </c>
    </row>
    <row r="40" spans="1:13" x14ac:dyDescent="0.25">
      <c r="A40" s="52" t="s">
        <v>793</v>
      </c>
      <c r="B40" s="11" t="s">
        <v>11</v>
      </c>
      <c r="C40" s="11" t="s">
        <v>12</v>
      </c>
      <c r="D40" s="11" t="s">
        <v>758</v>
      </c>
      <c r="E40" s="11" t="s">
        <v>11</v>
      </c>
      <c r="F40" s="11" t="s">
        <v>11</v>
      </c>
      <c r="G40" s="11" t="s">
        <v>11</v>
      </c>
      <c r="H40" s="11" t="s">
        <v>45</v>
      </c>
      <c r="I40" s="55">
        <v>0.42999999999999994</v>
      </c>
      <c r="J40" s="11" t="s">
        <v>11</v>
      </c>
      <c r="K40" s="11" t="s">
        <v>11</v>
      </c>
      <c r="L40" s="11" t="s">
        <v>11</v>
      </c>
      <c r="M40" s="11" t="s">
        <v>15</v>
      </c>
    </row>
    <row r="41" spans="1:13" x14ac:dyDescent="0.25">
      <c r="A41" s="52" t="s">
        <v>794</v>
      </c>
      <c r="B41" s="11" t="s">
        <v>11</v>
      </c>
      <c r="C41" s="11" t="s">
        <v>12</v>
      </c>
      <c r="D41" s="11" t="s">
        <v>758</v>
      </c>
      <c r="E41" s="11" t="s">
        <v>11</v>
      </c>
      <c r="F41" s="11" t="s">
        <v>11</v>
      </c>
      <c r="G41" s="11" t="s">
        <v>11</v>
      </c>
      <c r="H41" s="11" t="s">
        <v>45</v>
      </c>
      <c r="I41" s="55">
        <v>0.42999999999999994</v>
      </c>
      <c r="J41" s="11" t="s">
        <v>11</v>
      </c>
      <c r="K41" s="11" t="s">
        <v>11</v>
      </c>
      <c r="L41" s="11" t="s">
        <v>11</v>
      </c>
      <c r="M41" s="11" t="s">
        <v>14</v>
      </c>
    </row>
    <row r="42" spans="1:13" x14ac:dyDescent="0.25">
      <c r="A42" s="52" t="s">
        <v>795</v>
      </c>
      <c r="B42" s="11" t="s">
        <v>11</v>
      </c>
      <c r="C42" s="11" t="s">
        <v>12</v>
      </c>
      <c r="D42" s="11" t="s">
        <v>758</v>
      </c>
      <c r="E42" s="11" t="s">
        <v>11</v>
      </c>
      <c r="F42" s="11" t="s">
        <v>11</v>
      </c>
      <c r="G42" s="11" t="s">
        <v>11</v>
      </c>
      <c r="H42" s="11" t="s">
        <v>45</v>
      </c>
      <c r="I42" s="55">
        <v>0.42999999999999994</v>
      </c>
      <c r="J42" s="11" t="s">
        <v>11</v>
      </c>
      <c r="K42" s="11" t="s">
        <v>11</v>
      </c>
      <c r="L42" s="11" t="s">
        <v>11</v>
      </c>
      <c r="M42" s="11" t="s">
        <v>14</v>
      </c>
    </row>
    <row r="43" spans="1:13" x14ac:dyDescent="0.25">
      <c r="A43" s="52" t="s">
        <v>796</v>
      </c>
      <c r="B43" s="11" t="s">
        <v>11</v>
      </c>
      <c r="C43" s="11" t="s">
        <v>12</v>
      </c>
      <c r="D43" s="11" t="s">
        <v>46</v>
      </c>
      <c r="E43" s="11" t="s">
        <v>11</v>
      </c>
      <c r="F43" s="11" t="s">
        <v>11</v>
      </c>
      <c r="G43" s="11" t="s">
        <v>11</v>
      </c>
      <c r="H43" s="11" t="s">
        <v>45</v>
      </c>
      <c r="I43" s="55">
        <v>0.42999999999999994</v>
      </c>
      <c r="J43" s="11" t="s">
        <v>11</v>
      </c>
      <c r="K43" s="11" t="s">
        <v>11</v>
      </c>
      <c r="L43" s="11" t="s">
        <v>11</v>
      </c>
      <c r="M43" s="11" t="s">
        <v>14</v>
      </c>
    </row>
    <row r="44" spans="1:13" x14ac:dyDescent="0.25">
      <c r="A44" s="52" t="s">
        <v>797</v>
      </c>
      <c r="B44" s="11" t="s">
        <v>11</v>
      </c>
      <c r="C44" s="11" t="s">
        <v>12</v>
      </c>
      <c r="D44" s="11" t="s">
        <v>46</v>
      </c>
      <c r="E44" s="11" t="s">
        <v>11</v>
      </c>
      <c r="F44" s="11" t="s">
        <v>11</v>
      </c>
      <c r="G44" s="11" t="s">
        <v>11</v>
      </c>
      <c r="H44" s="11" t="s">
        <v>45</v>
      </c>
      <c r="I44" s="55">
        <v>0.42999999999999994</v>
      </c>
      <c r="J44" s="11" t="s">
        <v>11</v>
      </c>
      <c r="K44" s="11" t="s">
        <v>11</v>
      </c>
      <c r="L44" s="11" t="s">
        <v>11</v>
      </c>
      <c r="M44" s="11" t="s">
        <v>14</v>
      </c>
    </row>
    <row r="45" spans="1:13" x14ac:dyDescent="0.25">
      <c r="A45" s="52" t="s">
        <v>798</v>
      </c>
      <c r="B45" s="11" t="s">
        <v>11</v>
      </c>
      <c r="C45" s="11" t="s">
        <v>12</v>
      </c>
      <c r="D45" s="11" t="s">
        <v>46</v>
      </c>
      <c r="E45" s="11" t="s">
        <v>11</v>
      </c>
      <c r="F45" s="11" t="s">
        <v>11</v>
      </c>
      <c r="G45" s="11" t="s">
        <v>11</v>
      </c>
      <c r="H45" s="11" t="s">
        <v>45</v>
      </c>
      <c r="I45" s="55">
        <v>0.42999999999999994</v>
      </c>
      <c r="J45" s="11" t="s">
        <v>11</v>
      </c>
      <c r="K45" s="11" t="s">
        <v>11</v>
      </c>
      <c r="L45" s="11" t="s">
        <v>11</v>
      </c>
      <c r="M45" s="11" t="s">
        <v>14</v>
      </c>
    </row>
    <row r="46" spans="1:13" x14ac:dyDescent="0.25">
      <c r="A46" s="52" t="s">
        <v>799</v>
      </c>
      <c r="B46" s="11" t="s">
        <v>11</v>
      </c>
      <c r="C46" s="11" t="s">
        <v>12</v>
      </c>
      <c r="D46" s="11" t="s">
        <v>758</v>
      </c>
      <c r="E46" s="11" t="s">
        <v>11</v>
      </c>
      <c r="F46" s="11" t="s">
        <v>11</v>
      </c>
      <c r="G46" s="11" t="s">
        <v>11</v>
      </c>
      <c r="H46" s="11" t="s">
        <v>45</v>
      </c>
      <c r="I46" s="55">
        <v>0.42999999999999994</v>
      </c>
      <c r="J46" s="11" t="s">
        <v>11</v>
      </c>
      <c r="K46" s="11" t="s">
        <v>11</v>
      </c>
      <c r="L46" s="11" t="s">
        <v>11</v>
      </c>
      <c r="M46" s="11" t="s">
        <v>14</v>
      </c>
    </row>
    <row r="47" spans="1:13" x14ac:dyDescent="0.25">
      <c r="A47" s="52" t="s">
        <v>800</v>
      </c>
      <c r="B47" s="11" t="s">
        <v>11</v>
      </c>
      <c r="C47" s="11" t="s">
        <v>12</v>
      </c>
      <c r="D47" s="11" t="s">
        <v>758</v>
      </c>
      <c r="E47" s="11" t="s">
        <v>11</v>
      </c>
      <c r="F47" s="11" t="s">
        <v>11</v>
      </c>
      <c r="G47" s="11" t="s">
        <v>11</v>
      </c>
      <c r="H47" s="11" t="s">
        <v>45</v>
      </c>
      <c r="I47" s="55">
        <v>0.42999999999999994</v>
      </c>
      <c r="J47" s="11" t="s">
        <v>11</v>
      </c>
      <c r="K47" s="11" t="s">
        <v>11</v>
      </c>
      <c r="L47" s="11" t="s">
        <v>11</v>
      </c>
      <c r="M47" s="11" t="s">
        <v>14</v>
      </c>
    </row>
    <row r="48" spans="1:13" x14ac:dyDescent="0.25">
      <c r="A48" s="52" t="s">
        <v>801</v>
      </c>
      <c r="B48" s="11" t="s">
        <v>11</v>
      </c>
      <c r="C48" s="11" t="s">
        <v>12</v>
      </c>
      <c r="D48" s="11" t="s">
        <v>758</v>
      </c>
      <c r="E48" s="11" t="s">
        <v>11</v>
      </c>
      <c r="F48" s="11" t="s">
        <v>11</v>
      </c>
      <c r="G48" s="11" t="s">
        <v>11</v>
      </c>
      <c r="H48" s="11" t="s">
        <v>45</v>
      </c>
      <c r="I48" s="55">
        <v>0.42999999999999994</v>
      </c>
      <c r="J48" s="11" t="s">
        <v>11</v>
      </c>
      <c r="K48" s="11" t="s">
        <v>11</v>
      </c>
      <c r="L48" s="11" t="s">
        <v>11</v>
      </c>
      <c r="M48" s="11" t="s">
        <v>14</v>
      </c>
    </row>
    <row r="49" spans="1:13" x14ac:dyDescent="0.25">
      <c r="A49" s="52" t="s">
        <v>802</v>
      </c>
      <c r="B49" s="11" t="s">
        <v>11</v>
      </c>
      <c r="C49" s="11" t="s">
        <v>12</v>
      </c>
      <c r="D49" s="11" t="s">
        <v>46</v>
      </c>
      <c r="E49" s="11" t="s">
        <v>11</v>
      </c>
      <c r="F49" s="11" t="s">
        <v>11</v>
      </c>
      <c r="G49" s="11" t="s">
        <v>11</v>
      </c>
      <c r="H49" s="11" t="s">
        <v>45</v>
      </c>
      <c r="I49" s="55">
        <v>0.42999999999999994</v>
      </c>
      <c r="J49" s="11" t="s">
        <v>11</v>
      </c>
      <c r="K49" s="11" t="s">
        <v>11</v>
      </c>
      <c r="L49" s="11" t="s">
        <v>11</v>
      </c>
      <c r="M49" s="11" t="s">
        <v>14</v>
      </c>
    </row>
    <row r="50" spans="1:13" x14ac:dyDescent="0.25">
      <c r="A50" s="52" t="s">
        <v>803</v>
      </c>
      <c r="B50" s="11" t="s">
        <v>11</v>
      </c>
      <c r="C50" s="11" t="s">
        <v>12</v>
      </c>
      <c r="D50" s="11" t="s">
        <v>830</v>
      </c>
      <c r="E50" s="11" t="s">
        <v>834</v>
      </c>
      <c r="F50" s="11" t="s">
        <v>835</v>
      </c>
      <c r="G50" s="11" t="s">
        <v>11</v>
      </c>
      <c r="H50" s="11" t="s">
        <v>45</v>
      </c>
      <c r="I50" s="55">
        <v>0.19750000000000001</v>
      </c>
      <c r="J50" s="11" t="s">
        <v>11</v>
      </c>
      <c r="K50" s="11" t="s">
        <v>11</v>
      </c>
      <c r="L50" s="11" t="s">
        <v>11</v>
      </c>
      <c r="M50" s="11" t="s">
        <v>14</v>
      </c>
    </row>
    <row r="51" spans="1:13" x14ac:dyDescent="0.25">
      <c r="A51" s="52" t="s">
        <v>804</v>
      </c>
      <c r="B51" s="11" t="s">
        <v>11</v>
      </c>
      <c r="C51" s="11" t="s">
        <v>12</v>
      </c>
      <c r="D51" s="11" t="s">
        <v>830</v>
      </c>
      <c r="E51" s="11" t="s">
        <v>834</v>
      </c>
      <c r="F51" s="11" t="s">
        <v>835</v>
      </c>
      <c r="G51" s="11" t="s">
        <v>11</v>
      </c>
      <c r="H51" s="11" t="s">
        <v>45</v>
      </c>
      <c r="I51" s="55">
        <v>0.19750000000000001</v>
      </c>
      <c r="J51" s="11" t="s">
        <v>11</v>
      </c>
      <c r="K51" s="11" t="s">
        <v>11</v>
      </c>
      <c r="L51" s="11" t="s">
        <v>11</v>
      </c>
      <c r="M51" s="11" t="s">
        <v>14</v>
      </c>
    </row>
    <row r="52" spans="1:13" x14ac:dyDescent="0.25">
      <c r="A52" s="52" t="s">
        <v>805</v>
      </c>
      <c r="B52" s="11" t="s">
        <v>11</v>
      </c>
      <c r="C52" s="11" t="s">
        <v>12</v>
      </c>
      <c r="D52" s="11" t="s">
        <v>46</v>
      </c>
      <c r="E52" s="11" t="s">
        <v>11</v>
      </c>
      <c r="F52" s="11" t="s">
        <v>11</v>
      </c>
      <c r="G52" s="11" t="s">
        <v>11</v>
      </c>
      <c r="H52" s="11" t="s">
        <v>45</v>
      </c>
      <c r="I52" s="55">
        <v>0.42999999999999994</v>
      </c>
      <c r="J52" s="11" t="s">
        <v>11</v>
      </c>
      <c r="K52" s="11" t="s">
        <v>11</v>
      </c>
      <c r="L52" s="11" t="s">
        <v>11</v>
      </c>
      <c r="M52" s="11" t="s">
        <v>14</v>
      </c>
    </row>
    <row r="53" spans="1:13" x14ac:dyDescent="0.25">
      <c r="A53" s="52" t="s">
        <v>806</v>
      </c>
      <c r="B53" s="11" t="s">
        <v>11</v>
      </c>
      <c r="C53" s="11" t="s">
        <v>12</v>
      </c>
      <c r="D53" s="11" t="s">
        <v>46</v>
      </c>
      <c r="E53" s="11" t="s">
        <v>11</v>
      </c>
      <c r="F53" s="11" t="s">
        <v>11</v>
      </c>
      <c r="G53" s="11" t="s">
        <v>11</v>
      </c>
      <c r="H53" s="11" t="s">
        <v>45</v>
      </c>
      <c r="I53" s="55">
        <v>0.42999999999999994</v>
      </c>
      <c r="J53" s="11" t="s">
        <v>11</v>
      </c>
      <c r="K53" s="11" t="s">
        <v>11</v>
      </c>
      <c r="L53" s="11" t="s">
        <v>11</v>
      </c>
      <c r="M53" s="11" t="s">
        <v>14</v>
      </c>
    </row>
    <row r="54" spans="1:13" x14ac:dyDescent="0.25">
      <c r="A54" s="52" t="s">
        <v>807</v>
      </c>
      <c r="B54" s="11" t="s">
        <v>11</v>
      </c>
      <c r="C54" s="11" t="s">
        <v>12</v>
      </c>
      <c r="D54" s="11" t="s">
        <v>46</v>
      </c>
      <c r="E54" s="11" t="s">
        <v>11</v>
      </c>
      <c r="F54" s="11" t="s">
        <v>11</v>
      </c>
      <c r="G54" s="11" t="s">
        <v>11</v>
      </c>
      <c r="H54" s="11" t="s">
        <v>45</v>
      </c>
      <c r="I54" s="55">
        <v>0.42999999999999994</v>
      </c>
      <c r="J54" s="11" t="s">
        <v>11</v>
      </c>
      <c r="K54" s="11" t="s">
        <v>11</v>
      </c>
      <c r="L54" s="11" t="s">
        <v>11</v>
      </c>
      <c r="M54" s="11" t="s">
        <v>14</v>
      </c>
    </row>
    <row r="55" spans="1:13" x14ac:dyDescent="0.25">
      <c r="A55" s="52" t="s">
        <v>808</v>
      </c>
      <c r="B55" s="11" t="s">
        <v>11</v>
      </c>
      <c r="C55" s="11" t="s">
        <v>12</v>
      </c>
      <c r="D55" s="11" t="s">
        <v>758</v>
      </c>
      <c r="E55" s="11" t="s">
        <v>11</v>
      </c>
      <c r="F55" s="11" t="s">
        <v>11</v>
      </c>
      <c r="G55" s="11" t="s">
        <v>11</v>
      </c>
      <c r="H55" s="11" t="s">
        <v>45</v>
      </c>
      <c r="I55" s="55">
        <v>0.42999999999999994</v>
      </c>
      <c r="J55" s="11" t="s">
        <v>11</v>
      </c>
      <c r="K55" s="11" t="s">
        <v>11</v>
      </c>
      <c r="L55" s="11" t="s">
        <v>11</v>
      </c>
      <c r="M55" s="11" t="s">
        <v>14</v>
      </c>
    </row>
    <row r="56" spans="1:13" x14ac:dyDescent="0.25">
      <c r="A56" s="52" t="s">
        <v>809</v>
      </c>
      <c r="B56" s="11" t="s">
        <v>11</v>
      </c>
      <c r="C56" s="11" t="s">
        <v>12</v>
      </c>
      <c r="D56" s="11" t="s">
        <v>46</v>
      </c>
      <c r="E56" s="11" t="s">
        <v>11</v>
      </c>
      <c r="F56" s="11" t="s">
        <v>11</v>
      </c>
      <c r="G56" s="11" t="s">
        <v>11</v>
      </c>
      <c r="H56" s="11" t="s">
        <v>45</v>
      </c>
      <c r="I56" s="55">
        <v>0.42999999999999994</v>
      </c>
      <c r="J56" s="11" t="s">
        <v>11</v>
      </c>
      <c r="K56" s="11" t="s">
        <v>11</v>
      </c>
      <c r="L56" s="11" t="s">
        <v>11</v>
      </c>
      <c r="M56" s="11" t="s">
        <v>14</v>
      </c>
    </row>
    <row r="57" spans="1:13" x14ac:dyDescent="0.25">
      <c r="A57" s="52" t="s">
        <v>810</v>
      </c>
      <c r="B57" s="11" t="s">
        <v>11</v>
      </c>
      <c r="C57" s="11" t="s">
        <v>12</v>
      </c>
      <c r="D57" s="11" t="s">
        <v>46</v>
      </c>
      <c r="E57" s="11" t="s">
        <v>11</v>
      </c>
      <c r="F57" s="11" t="s">
        <v>11</v>
      </c>
      <c r="G57" s="11" t="s">
        <v>11</v>
      </c>
      <c r="H57" s="11" t="s">
        <v>45</v>
      </c>
      <c r="I57" s="55">
        <v>0.42999999999999994</v>
      </c>
      <c r="J57" s="11" t="s">
        <v>11</v>
      </c>
      <c r="K57" s="11" t="s">
        <v>11</v>
      </c>
      <c r="L57" s="11" t="s">
        <v>11</v>
      </c>
      <c r="M57" s="11" t="s">
        <v>14</v>
      </c>
    </row>
    <row r="58" spans="1:13" x14ac:dyDescent="0.25">
      <c r="A58" s="52" t="s">
        <v>811</v>
      </c>
      <c r="B58" s="11" t="s">
        <v>11</v>
      </c>
      <c r="C58" s="11" t="s">
        <v>12</v>
      </c>
      <c r="D58" s="11" t="s">
        <v>46</v>
      </c>
      <c r="E58" s="11" t="s">
        <v>11</v>
      </c>
      <c r="F58" s="11" t="s">
        <v>11</v>
      </c>
      <c r="G58" s="11" t="s">
        <v>11</v>
      </c>
      <c r="H58" s="11" t="s">
        <v>45</v>
      </c>
      <c r="I58" s="55">
        <v>0.42999999999999994</v>
      </c>
      <c r="J58" s="11" t="s">
        <v>11</v>
      </c>
      <c r="K58" s="11" t="s">
        <v>11</v>
      </c>
      <c r="L58" s="11" t="s">
        <v>11</v>
      </c>
      <c r="M58" s="11" t="s">
        <v>14</v>
      </c>
    </row>
    <row r="59" spans="1:13" x14ac:dyDescent="0.25">
      <c r="A59" s="52" t="s">
        <v>812</v>
      </c>
      <c r="B59" s="11" t="s">
        <v>11</v>
      </c>
      <c r="C59" s="11" t="s">
        <v>12</v>
      </c>
      <c r="D59" s="11" t="s">
        <v>830</v>
      </c>
      <c r="E59" s="11" t="s">
        <v>834</v>
      </c>
      <c r="F59" s="11" t="s">
        <v>835</v>
      </c>
      <c r="G59" s="11" t="s">
        <v>11</v>
      </c>
      <c r="H59" s="11" t="s">
        <v>45</v>
      </c>
      <c r="I59" s="55">
        <v>0.19750000000000001</v>
      </c>
      <c r="J59" s="11" t="s">
        <v>11</v>
      </c>
      <c r="K59" s="11" t="s">
        <v>11</v>
      </c>
      <c r="L59" s="11" t="s">
        <v>11</v>
      </c>
      <c r="M59" s="11" t="s">
        <v>14</v>
      </c>
    </row>
    <row r="60" spans="1:13" x14ac:dyDescent="0.25">
      <c r="A60" s="52" t="s">
        <v>813</v>
      </c>
      <c r="B60" s="11" t="s">
        <v>11</v>
      </c>
      <c r="C60" s="11" t="s">
        <v>12</v>
      </c>
      <c r="D60" s="11" t="s">
        <v>830</v>
      </c>
      <c r="E60" s="11" t="s">
        <v>834</v>
      </c>
      <c r="F60" s="11" t="s">
        <v>835</v>
      </c>
      <c r="G60" s="11" t="s">
        <v>11</v>
      </c>
      <c r="H60" s="11" t="s">
        <v>45</v>
      </c>
      <c r="I60" s="55">
        <v>0.19750000000000001</v>
      </c>
      <c r="J60" s="11" t="s">
        <v>11</v>
      </c>
      <c r="K60" s="11" t="s">
        <v>11</v>
      </c>
      <c r="L60" s="11" t="s">
        <v>11</v>
      </c>
      <c r="M60" s="11" t="s">
        <v>14</v>
      </c>
    </row>
    <row r="61" spans="1:13" x14ac:dyDescent="0.25">
      <c r="A61" s="52" t="s">
        <v>814</v>
      </c>
      <c r="B61" s="11" t="s">
        <v>11</v>
      </c>
      <c r="C61" s="11" t="s">
        <v>12</v>
      </c>
      <c r="D61" s="11" t="s">
        <v>830</v>
      </c>
      <c r="E61" s="11" t="s">
        <v>834</v>
      </c>
      <c r="F61" s="11" t="s">
        <v>835</v>
      </c>
      <c r="G61" s="11" t="s">
        <v>11</v>
      </c>
      <c r="H61" s="11" t="s">
        <v>45</v>
      </c>
      <c r="I61" s="55">
        <v>0.19750000000000001</v>
      </c>
      <c r="J61" s="11" t="s">
        <v>11</v>
      </c>
      <c r="K61" s="11" t="s">
        <v>11</v>
      </c>
      <c r="L61" s="11" t="s">
        <v>11</v>
      </c>
      <c r="M61" s="11" t="s">
        <v>14</v>
      </c>
    </row>
    <row r="62" spans="1:13" x14ac:dyDescent="0.25">
      <c r="A62" s="52" t="s">
        <v>815</v>
      </c>
      <c r="B62" s="11" t="s">
        <v>11</v>
      </c>
      <c r="C62" s="11" t="s">
        <v>12</v>
      </c>
      <c r="D62" s="11" t="s">
        <v>830</v>
      </c>
      <c r="E62" s="11" t="s">
        <v>834</v>
      </c>
      <c r="F62" s="11" t="s">
        <v>835</v>
      </c>
      <c r="G62" s="11" t="s">
        <v>11</v>
      </c>
      <c r="H62" s="11" t="s">
        <v>45</v>
      </c>
      <c r="I62" s="55">
        <v>0.19750000000000001</v>
      </c>
      <c r="J62" s="11" t="s">
        <v>11</v>
      </c>
      <c r="K62" s="11" t="s">
        <v>11</v>
      </c>
      <c r="L62" s="11" t="s">
        <v>11</v>
      </c>
      <c r="M62" s="11" t="s">
        <v>14</v>
      </c>
    </row>
    <row r="63" spans="1:13" x14ac:dyDescent="0.25">
      <c r="A63" s="52" t="s">
        <v>816</v>
      </c>
      <c r="B63" s="11" t="s">
        <v>11</v>
      </c>
      <c r="C63" s="11" t="s">
        <v>12</v>
      </c>
      <c r="D63" s="11" t="s">
        <v>830</v>
      </c>
      <c r="E63" s="11" t="s">
        <v>11</v>
      </c>
      <c r="F63" s="11" t="s">
        <v>835</v>
      </c>
      <c r="G63" s="11" t="s">
        <v>11</v>
      </c>
      <c r="H63" s="11" t="s">
        <v>45</v>
      </c>
      <c r="I63" s="55">
        <v>0.33050000000000002</v>
      </c>
      <c r="J63" s="11" t="s">
        <v>11</v>
      </c>
      <c r="K63" s="11" t="s">
        <v>11</v>
      </c>
      <c r="L63" s="11" t="s">
        <v>11</v>
      </c>
      <c r="M63" s="11" t="s">
        <v>14</v>
      </c>
    </row>
    <row r="64" spans="1:13" x14ac:dyDescent="0.25">
      <c r="A64" s="52" t="s">
        <v>817</v>
      </c>
      <c r="B64" s="11" t="s">
        <v>11</v>
      </c>
      <c r="C64" s="11" t="s">
        <v>12</v>
      </c>
      <c r="D64" s="11" t="s">
        <v>830</v>
      </c>
      <c r="E64" s="11" t="s">
        <v>11</v>
      </c>
      <c r="F64" s="11" t="s">
        <v>11</v>
      </c>
      <c r="G64" s="11" t="s">
        <v>11</v>
      </c>
      <c r="H64" s="11" t="s">
        <v>45</v>
      </c>
      <c r="I64" s="55">
        <v>0.42999999999999994</v>
      </c>
      <c r="J64" s="11" t="s">
        <v>11</v>
      </c>
      <c r="K64" s="11" t="s">
        <v>11</v>
      </c>
      <c r="L64" s="11" t="s">
        <v>11</v>
      </c>
      <c r="M64" s="11" t="s">
        <v>14</v>
      </c>
    </row>
    <row r="65" spans="1:13" x14ac:dyDescent="0.25">
      <c r="A65" s="52" t="s">
        <v>818</v>
      </c>
      <c r="B65" s="11" t="s">
        <v>11</v>
      </c>
      <c r="C65" s="11" t="s">
        <v>12</v>
      </c>
      <c r="D65" s="11" t="s">
        <v>758</v>
      </c>
      <c r="E65" s="11" t="s">
        <v>11</v>
      </c>
      <c r="F65" s="11" t="s">
        <v>11</v>
      </c>
      <c r="G65" s="11" t="s">
        <v>11</v>
      </c>
      <c r="H65" s="11" t="s">
        <v>45</v>
      </c>
      <c r="I65" s="55">
        <v>0.42999999999999994</v>
      </c>
      <c r="J65" s="11" t="s">
        <v>11</v>
      </c>
      <c r="K65" s="11" t="s">
        <v>11</v>
      </c>
      <c r="L65" s="11" t="s">
        <v>11</v>
      </c>
      <c r="M65" s="11" t="s">
        <v>14</v>
      </c>
    </row>
    <row r="66" spans="1:13" x14ac:dyDescent="0.25">
      <c r="A66" s="52" t="s">
        <v>819</v>
      </c>
      <c r="B66" s="11" t="s">
        <v>11</v>
      </c>
      <c r="C66" s="11" t="s">
        <v>12</v>
      </c>
      <c r="D66" s="11" t="s">
        <v>758</v>
      </c>
      <c r="E66" s="11" t="s">
        <v>11</v>
      </c>
      <c r="F66" s="11" t="s">
        <v>11</v>
      </c>
      <c r="G66" s="11" t="s">
        <v>11</v>
      </c>
      <c r="H66" s="11" t="s">
        <v>45</v>
      </c>
      <c r="I66" s="55">
        <v>0.42999999999999994</v>
      </c>
      <c r="J66" s="11" t="s">
        <v>11</v>
      </c>
      <c r="K66" s="11" t="s">
        <v>11</v>
      </c>
      <c r="L66" s="11" t="s">
        <v>11</v>
      </c>
      <c r="M66" s="11" t="s">
        <v>14</v>
      </c>
    </row>
    <row r="67" spans="1:13" x14ac:dyDescent="0.25">
      <c r="A67" s="52" t="s">
        <v>820</v>
      </c>
      <c r="B67" s="11" t="s">
        <v>11</v>
      </c>
      <c r="C67" s="11" t="s">
        <v>12</v>
      </c>
      <c r="D67" s="11" t="s">
        <v>758</v>
      </c>
      <c r="E67" s="11" t="s">
        <v>11</v>
      </c>
      <c r="F67" s="11" t="s">
        <v>11</v>
      </c>
      <c r="G67" s="11" t="s">
        <v>11</v>
      </c>
      <c r="H67" s="11" t="s">
        <v>45</v>
      </c>
      <c r="I67" s="55">
        <v>0.42999999999999994</v>
      </c>
      <c r="J67" s="11" t="s">
        <v>11</v>
      </c>
      <c r="K67" s="11" t="s">
        <v>11</v>
      </c>
      <c r="L67" s="11" t="s">
        <v>11</v>
      </c>
      <c r="M67" s="11" t="s">
        <v>14</v>
      </c>
    </row>
    <row r="68" spans="1:13" x14ac:dyDescent="0.25">
      <c r="A68" s="52" t="s">
        <v>821</v>
      </c>
      <c r="B68" s="11" t="s">
        <v>11</v>
      </c>
      <c r="C68" s="11" t="s">
        <v>12</v>
      </c>
      <c r="D68" s="11" t="s">
        <v>830</v>
      </c>
      <c r="E68" s="11" t="s">
        <v>11</v>
      </c>
      <c r="F68" s="11" t="s">
        <v>11</v>
      </c>
      <c r="G68" s="11" t="s">
        <v>11</v>
      </c>
      <c r="H68" s="11" t="s">
        <v>45</v>
      </c>
      <c r="I68" s="55">
        <v>0.42999999999999994</v>
      </c>
      <c r="J68" s="11" t="s">
        <v>11</v>
      </c>
      <c r="K68" s="11" t="s">
        <v>11</v>
      </c>
      <c r="L68" s="11" t="s">
        <v>11</v>
      </c>
      <c r="M68" s="11" t="s">
        <v>14</v>
      </c>
    </row>
    <row r="69" spans="1:13" x14ac:dyDescent="0.25">
      <c r="A69" s="52" t="s">
        <v>822</v>
      </c>
      <c r="B69" s="11" t="s">
        <v>11</v>
      </c>
      <c r="C69" s="11" t="s">
        <v>12</v>
      </c>
      <c r="D69" s="11" t="s">
        <v>758</v>
      </c>
      <c r="E69" s="11" t="s">
        <v>11</v>
      </c>
      <c r="F69" s="11" t="s">
        <v>11</v>
      </c>
      <c r="G69" s="11" t="s">
        <v>11</v>
      </c>
      <c r="H69" s="11" t="s">
        <v>45</v>
      </c>
      <c r="I69" s="55">
        <v>0.42999999999999994</v>
      </c>
      <c r="J69" s="11" t="s">
        <v>11</v>
      </c>
      <c r="K69" s="11" t="s">
        <v>11</v>
      </c>
      <c r="L69" s="11" t="s">
        <v>11</v>
      </c>
      <c r="M69" s="11" t="s">
        <v>14</v>
      </c>
    </row>
    <row r="70" spans="1:13" x14ac:dyDescent="0.25">
      <c r="A70" s="52" t="s">
        <v>823</v>
      </c>
      <c r="B70" s="11" t="s">
        <v>11</v>
      </c>
      <c r="C70" s="11" t="s">
        <v>12</v>
      </c>
      <c r="D70" s="11" t="s">
        <v>830</v>
      </c>
      <c r="E70" s="11" t="s">
        <v>834</v>
      </c>
      <c r="F70" s="11" t="s">
        <v>835</v>
      </c>
      <c r="G70" s="11" t="s">
        <v>11</v>
      </c>
      <c r="H70" s="11" t="s">
        <v>45</v>
      </c>
      <c r="I70" s="55">
        <v>0.19750000000000001</v>
      </c>
      <c r="J70" s="11" t="s">
        <v>11</v>
      </c>
      <c r="K70" s="11" t="s">
        <v>11</v>
      </c>
      <c r="L70" s="11" t="s">
        <v>11</v>
      </c>
      <c r="M70" s="11" t="s">
        <v>14</v>
      </c>
    </row>
    <row r="71" spans="1:13" x14ac:dyDescent="0.25">
      <c r="A71" s="52" t="s">
        <v>824</v>
      </c>
      <c r="B71" s="11" t="s">
        <v>11</v>
      </c>
      <c r="C71" s="11" t="s">
        <v>12</v>
      </c>
      <c r="D71" s="11" t="s">
        <v>758</v>
      </c>
      <c r="E71" s="11" t="s">
        <v>11</v>
      </c>
      <c r="F71" s="11" t="s">
        <v>11</v>
      </c>
      <c r="G71" s="11" t="s">
        <v>11</v>
      </c>
      <c r="H71" s="11" t="s">
        <v>45</v>
      </c>
      <c r="I71" s="55">
        <v>0.42999999999999994</v>
      </c>
      <c r="J71" s="11" t="s">
        <v>11</v>
      </c>
      <c r="K71" s="11" t="s">
        <v>11</v>
      </c>
      <c r="L71" s="11" t="s">
        <v>11</v>
      </c>
      <c r="M71" s="11" t="s">
        <v>14</v>
      </c>
    </row>
    <row r="72" spans="1:13" x14ac:dyDescent="0.25">
      <c r="A72" s="52" t="s">
        <v>825</v>
      </c>
      <c r="B72" s="11" t="s">
        <v>11</v>
      </c>
      <c r="C72" s="11" t="s">
        <v>12</v>
      </c>
      <c r="D72" s="11" t="s">
        <v>758</v>
      </c>
      <c r="E72" s="11" t="s">
        <v>11</v>
      </c>
      <c r="F72" s="11" t="s">
        <v>11</v>
      </c>
      <c r="G72" s="11" t="s">
        <v>11</v>
      </c>
      <c r="H72" s="11" t="s">
        <v>45</v>
      </c>
      <c r="I72" s="55">
        <v>0.42999999999999994</v>
      </c>
      <c r="J72" s="11" t="s">
        <v>11</v>
      </c>
      <c r="K72" s="11" t="s">
        <v>11</v>
      </c>
      <c r="L72" s="11" t="s">
        <v>11</v>
      </c>
      <c r="M72" s="11" t="s">
        <v>14</v>
      </c>
    </row>
    <row r="73" spans="1:13" x14ac:dyDescent="0.25">
      <c r="A73" s="52" t="s">
        <v>826</v>
      </c>
      <c r="B73" s="11" t="s">
        <v>11</v>
      </c>
      <c r="C73" s="11" t="s">
        <v>12</v>
      </c>
      <c r="D73" s="11" t="s">
        <v>758</v>
      </c>
      <c r="E73" s="11" t="s">
        <v>11</v>
      </c>
      <c r="F73" s="11" t="s">
        <v>11</v>
      </c>
      <c r="G73" s="11" t="s">
        <v>11</v>
      </c>
      <c r="H73" s="11" t="s">
        <v>45</v>
      </c>
      <c r="I73" s="55">
        <v>0.42999999999999994</v>
      </c>
      <c r="J73" s="11" t="s">
        <v>11</v>
      </c>
      <c r="K73" s="11" t="s">
        <v>11</v>
      </c>
      <c r="L73" s="11" t="s">
        <v>11</v>
      </c>
      <c r="M73" s="11" t="s">
        <v>14</v>
      </c>
    </row>
    <row r="74" spans="1:13" x14ac:dyDescent="0.25">
      <c r="A74" s="52" t="s">
        <v>827</v>
      </c>
      <c r="B74" s="11" t="s">
        <v>11</v>
      </c>
      <c r="C74" s="11" t="s">
        <v>12</v>
      </c>
      <c r="D74" s="11" t="s">
        <v>758</v>
      </c>
      <c r="E74" s="11" t="s">
        <v>11</v>
      </c>
      <c r="F74" s="11" t="s">
        <v>11</v>
      </c>
      <c r="G74" s="11" t="s">
        <v>11</v>
      </c>
      <c r="H74" s="11" t="s">
        <v>45</v>
      </c>
      <c r="I74" s="55">
        <v>0.42999999999999994</v>
      </c>
      <c r="J74" s="11" t="s">
        <v>11</v>
      </c>
      <c r="K74" s="11" t="s">
        <v>11</v>
      </c>
      <c r="L74" s="11" t="s">
        <v>11</v>
      </c>
      <c r="M74" s="11" t="s">
        <v>14</v>
      </c>
    </row>
    <row r="75" spans="1:13" x14ac:dyDescent="0.25">
      <c r="A75" s="52" t="s">
        <v>828</v>
      </c>
      <c r="B75" s="11" t="s">
        <v>11</v>
      </c>
      <c r="C75" s="11" t="s">
        <v>12</v>
      </c>
      <c r="D75" s="11" t="s">
        <v>830</v>
      </c>
      <c r="E75" s="11" t="s">
        <v>834</v>
      </c>
      <c r="F75" s="11" t="s">
        <v>835</v>
      </c>
      <c r="G75" s="11" t="s">
        <v>11</v>
      </c>
      <c r="H75" s="11" t="s">
        <v>45</v>
      </c>
      <c r="I75" s="55">
        <v>0.19750000000000001</v>
      </c>
      <c r="J75" s="11" t="s">
        <v>11</v>
      </c>
      <c r="K75" s="11" t="s">
        <v>11</v>
      </c>
      <c r="L75" s="11" t="s">
        <v>11</v>
      </c>
      <c r="M75" s="11" t="s">
        <v>14</v>
      </c>
    </row>
    <row r="76" spans="1:13" x14ac:dyDescent="0.25">
      <c r="A76" s="52" t="s">
        <v>829</v>
      </c>
      <c r="B76" s="11" t="s">
        <v>11</v>
      </c>
      <c r="C76" s="11" t="s">
        <v>12</v>
      </c>
      <c r="D76" s="11" t="s">
        <v>831</v>
      </c>
      <c r="E76" s="11" t="s">
        <v>11</v>
      </c>
      <c r="F76" s="50" t="s">
        <v>11</v>
      </c>
      <c r="G76" s="11" t="s">
        <v>836</v>
      </c>
      <c r="H76" s="11" t="s">
        <v>45</v>
      </c>
      <c r="I76" s="55">
        <v>0.30000000000000004</v>
      </c>
      <c r="J76" s="11" t="s">
        <v>11</v>
      </c>
      <c r="K76" s="11" t="s">
        <v>11</v>
      </c>
      <c r="L76" s="11" t="s">
        <v>11</v>
      </c>
      <c r="M76" s="11" t="s">
        <v>14</v>
      </c>
    </row>
    <row r="77" spans="1:13" x14ac:dyDescent="0.25">
      <c r="F77" s="49"/>
      <c r="G77" s="54"/>
    </row>
  </sheetData>
  <mergeCells count="2">
    <mergeCell ref="A4:M4"/>
    <mergeCell ref="A5:M5"/>
  </mergeCells>
  <pageMargins left="0.511811024" right="0.511811024" top="0.78740157499999996" bottom="0.78740157499999996" header="0.31496062000000002" footer="0.31496062000000002"/>
  <pageSetup paperSize="9" orientation="portrait" r:id="rId1"/>
  <ignoredErrors>
    <ignoredError sqref="M13" numberStoredAsText="1"/>
  </ignoredError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36"/>
  <sheetViews>
    <sheetView workbookViewId="0"/>
  </sheetViews>
  <sheetFormatPr defaultRowHeight="15" x14ac:dyDescent="0.25"/>
  <cols>
    <col min="2" max="2" width="9.42578125" bestFit="1" customWidth="1"/>
    <col min="3" max="3" width="10.42578125" bestFit="1" customWidth="1"/>
    <col min="4" max="4" width="35" bestFit="1" customWidth="1"/>
    <col min="5" max="5" width="15.42578125" bestFit="1" customWidth="1"/>
    <col min="6" max="6" width="30.140625" customWidth="1"/>
    <col min="7" max="7" width="43.5703125" bestFit="1" customWidth="1"/>
    <col min="8" max="8" width="7.7109375" bestFit="1" customWidth="1"/>
    <col min="9" max="9" width="16.5703125" bestFit="1" customWidth="1"/>
    <col min="10" max="10" width="4.28515625" bestFit="1" customWidth="1"/>
    <col min="11" max="11" width="24.85546875" bestFit="1" customWidth="1"/>
    <col min="12" max="12" width="11.85546875" bestFit="1" customWidth="1"/>
  </cols>
  <sheetData>
    <row r="1" spans="1:12" x14ac:dyDescent="0.25">
      <c r="A1" s="5" t="s">
        <v>184</v>
      </c>
      <c r="K1" s="3"/>
      <c r="L1" s="3"/>
    </row>
    <row r="2" spans="1:12" x14ac:dyDescent="0.25">
      <c r="A2" s="5" t="s">
        <v>181</v>
      </c>
      <c r="K2" s="3"/>
      <c r="L2" s="3"/>
    </row>
    <row r="3" spans="1:12" x14ac:dyDescent="0.25">
      <c r="A3" s="5" t="s">
        <v>182</v>
      </c>
      <c r="K3" s="3"/>
      <c r="L3" s="3"/>
    </row>
    <row r="4" spans="1:12" x14ac:dyDescent="0.25">
      <c r="A4" s="45" t="s">
        <v>833</v>
      </c>
      <c r="B4" s="45"/>
      <c r="C4" s="45"/>
      <c r="D4" s="45"/>
      <c r="E4" s="45"/>
      <c r="F4" s="45"/>
      <c r="G4" s="45"/>
      <c r="H4" s="45"/>
      <c r="I4" s="45"/>
      <c r="J4" s="45"/>
      <c r="K4" s="45"/>
      <c r="L4" s="45"/>
    </row>
    <row r="5" spans="1:12" ht="95.25" customHeight="1" x14ac:dyDescent="0.25">
      <c r="A5" s="46" t="s">
        <v>180</v>
      </c>
      <c r="B5" s="46"/>
      <c r="C5" s="46"/>
      <c r="D5" s="46"/>
      <c r="E5" s="46"/>
      <c r="F5" s="46"/>
      <c r="G5" s="46"/>
      <c r="H5" s="46"/>
      <c r="I5" s="46"/>
      <c r="J5" s="46"/>
      <c r="K5" s="46"/>
      <c r="L5" s="46"/>
    </row>
    <row r="6" spans="1:12" s="7" customFormat="1" ht="45" x14ac:dyDescent="0.25">
      <c r="A6" s="23" t="s">
        <v>0</v>
      </c>
      <c r="B6" s="23" t="s">
        <v>1</v>
      </c>
      <c r="C6" s="23" t="s">
        <v>2</v>
      </c>
      <c r="D6" s="23" t="s">
        <v>47</v>
      </c>
      <c r="E6" s="23" t="s">
        <v>487</v>
      </c>
      <c r="F6" s="23" t="s">
        <v>969</v>
      </c>
      <c r="G6" s="23" t="s">
        <v>5</v>
      </c>
      <c r="H6" s="23" t="s">
        <v>6</v>
      </c>
      <c r="I6" s="23" t="s">
        <v>7</v>
      </c>
      <c r="J6" s="23" t="s">
        <v>8</v>
      </c>
      <c r="K6" s="23" t="s">
        <v>9</v>
      </c>
      <c r="L6" s="23" t="s">
        <v>10</v>
      </c>
    </row>
    <row r="7" spans="1:12" x14ac:dyDescent="0.25">
      <c r="A7" s="11" t="s">
        <v>837</v>
      </c>
      <c r="B7" s="11" t="s">
        <v>11</v>
      </c>
      <c r="C7" s="11" t="s">
        <v>12</v>
      </c>
      <c r="D7" s="11" t="s">
        <v>46</v>
      </c>
      <c r="E7" s="11" t="s">
        <v>217</v>
      </c>
      <c r="F7" s="11" t="s">
        <v>11</v>
      </c>
      <c r="G7" s="11" t="s">
        <v>45</v>
      </c>
      <c r="H7" s="16">
        <v>0.42799999999999994</v>
      </c>
      <c r="I7" s="11" t="s">
        <v>11</v>
      </c>
      <c r="J7" s="11" t="s">
        <v>11</v>
      </c>
      <c r="K7" s="11" t="s">
        <v>11</v>
      </c>
      <c r="L7" s="11" t="s">
        <v>14</v>
      </c>
    </row>
    <row r="8" spans="1:12" x14ac:dyDescent="0.25">
      <c r="A8" s="11" t="s">
        <v>838</v>
      </c>
      <c r="B8" s="11" t="s">
        <v>11</v>
      </c>
      <c r="C8" s="11" t="s">
        <v>12</v>
      </c>
      <c r="D8" s="11" t="s">
        <v>46</v>
      </c>
      <c r="E8" s="11" t="s">
        <v>217</v>
      </c>
      <c r="F8" s="11" t="s">
        <v>11</v>
      </c>
      <c r="G8" s="11" t="s">
        <v>45</v>
      </c>
      <c r="H8" s="16">
        <v>0.51719999999999988</v>
      </c>
      <c r="I8" s="11" t="s">
        <v>11</v>
      </c>
      <c r="J8" s="11" t="s">
        <v>11</v>
      </c>
      <c r="K8" s="11" t="s">
        <v>11</v>
      </c>
      <c r="L8" s="11" t="s">
        <v>14</v>
      </c>
    </row>
    <row r="9" spans="1:12" x14ac:dyDescent="0.25">
      <c r="A9" s="11" t="s">
        <v>839</v>
      </c>
      <c r="B9" s="11" t="s">
        <v>11</v>
      </c>
      <c r="C9" s="11" t="s">
        <v>12</v>
      </c>
      <c r="D9" s="11" t="s">
        <v>46</v>
      </c>
      <c r="E9" s="11" t="s">
        <v>217</v>
      </c>
      <c r="F9" s="11" t="s">
        <v>11</v>
      </c>
      <c r="G9" s="11" t="s">
        <v>45</v>
      </c>
      <c r="H9" s="16">
        <v>0.51719999999999988</v>
      </c>
      <c r="I9" s="11" t="s">
        <v>11</v>
      </c>
      <c r="J9" s="11" t="s">
        <v>11</v>
      </c>
      <c r="K9" s="11" t="s">
        <v>11</v>
      </c>
      <c r="L9" s="11" t="s">
        <v>14</v>
      </c>
    </row>
    <row r="10" spans="1:12" x14ac:dyDescent="0.25">
      <c r="A10" s="11" t="s">
        <v>840</v>
      </c>
      <c r="B10" s="11" t="s">
        <v>11</v>
      </c>
      <c r="C10" s="11" t="s">
        <v>12</v>
      </c>
      <c r="D10" s="11" t="s">
        <v>46</v>
      </c>
      <c r="E10" s="11" t="s">
        <v>217</v>
      </c>
      <c r="F10" s="11" t="s">
        <v>11</v>
      </c>
      <c r="G10" s="11" t="s">
        <v>45</v>
      </c>
      <c r="H10" s="16">
        <v>0.51719999999999988</v>
      </c>
      <c r="I10" s="11" t="s">
        <v>11</v>
      </c>
      <c r="J10" s="11" t="s">
        <v>11</v>
      </c>
      <c r="K10" s="11" t="s">
        <v>11</v>
      </c>
      <c r="L10" s="11" t="s">
        <v>14</v>
      </c>
    </row>
    <row r="11" spans="1:12" x14ac:dyDescent="0.25">
      <c r="A11" s="11" t="s">
        <v>841</v>
      </c>
      <c r="B11" s="11" t="s">
        <v>11</v>
      </c>
      <c r="C11" s="11" t="s">
        <v>12</v>
      </c>
      <c r="D11" s="11" t="s">
        <v>46</v>
      </c>
      <c r="E11" s="11" t="s">
        <v>217</v>
      </c>
      <c r="F11" s="11" t="s">
        <v>11</v>
      </c>
      <c r="G11" s="11" t="s">
        <v>45</v>
      </c>
      <c r="H11" s="16">
        <v>0.51719999999999988</v>
      </c>
      <c r="I11" s="11" t="s">
        <v>11</v>
      </c>
      <c r="J11" s="11" t="s">
        <v>11</v>
      </c>
      <c r="K11" s="11" t="s">
        <v>11</v>
      </c>
      <c r="L11" s="11" t="s">
        <v>14</v>
      </c>
    </row>
    <row r="12" spans="1:12" x14ac:dyDescent="0.25">
      <c r="A12" s="11" t="s">
        <v>842</v>
      </c>
      <c r="B12" s="11" t="s">
        <v>11</v>
      </c>
      <c r="C12" s="11" t="s">
        <v>12</v>
      </c>
      <c r="D12" s="11" t="s">
        <v>46</v>
      </c>
      <c r="E12" s="11" t="s">
        <v>217</v>
      </c>
      <c r="F12" s="11" t="s">
        <v>11</v>
      </c>
      <c r="G12" s="11" t="s">
        <v>45</v>
      </c>
      <c r="H12" s="16">
        <v>0.51719999999999988</v>
      </c>
      <c r="I12" s="11" t="s">
        <v>11</v>
      </c>
      <c r="J12" s="11" t="s">
        <v>11</v>
      </c>
      <c r="K12" s="11" t="s">
        <v>11</v>
      </c>
      <c r="L12" s="11" t="s">
        <v>14</v>
      </c>
    </row>
    <row r="13" spans="1:12" x14ac:dyDescent="0.25">
      <c r="A13" s="11" t="s">
        <v>843</v>
      </c>
      <c r="B13" s="11" t="s">
        <v>11</v>
      </c>
      <c r="C13" s="11" t="s">
        <v>12</v>
      </c>
      <c r="D13" s="11" t="s">
        <v>46</v>
      </c>
      <c r="E13" s="11" t="s">
        <v>11</v>
      </c>
      <c r="F13" s="11" t="s">
        <v>11</v>
      </c>
      <c r="G13" s="11" t="s">
        <v>45</v>
      </c>
      <c r="H13" s="16">
        <v>0.61359999999999992</v>
      </c>
      <c r="I13" s="11" t="s">
        <v>11</v>
      </c>
      <c r="J13" s="11" t="s">
        <v>11</v>
      </c>
      <c r="K13" s="11" t="s">
        <v>11</v>
      </c>
      <c r="L13" s="11" t="s">
        <v>14</v>
      </c>
    </row>
    <row r="14" spans="1:12" x14ac:dyDescent="0.25">
      <c r="A14" s="11" t="s">
        <v>844</v>
      </c>
      <c r="B14" s="11" t="s">
        <v>11</v>
      </c>
      <c r="C14" s="11" t="s">
        <v>12</v>
      </c>
      <c r="D14" s="11" t="s">
        <v>46</v>
      </c>
      <c r="E14" s="11" t="s">
        <v>11</v>
      </c>
      <c r="F14" s="11" t="s">
        <v>11</v>
      </c>
      <c r="G14" s="11" t="s">
        <v>45</v>
      </c>
      <c r="H14" s="16">
        <v>0.51029999999999998</v>
      </c>
      <c r="I14" s="11" t="s">
        <v>11</v>
      </c>
      <c r="J14" s="11" t="s">
        <v>11</v>
      </c>
      <c r="K14" s="11" t="s">
        <v>11</v>
      </c>
      <c r="L14" s="11" t="s">
        <v>14</v>
      </c>
    </row>
    <row r="15" spans="1:12" x14ac:dyDescent="0.25">
      <c r="A15" s="11" t="s">
        <v>845</v>
      </c>
      <c r="B15" s="11" t="s">
        <v>11</v>
      </c>
      <c r="C15" s="11" t="s">
        <v>12</v>
      </c>
      <c r="D15" s="11" t="s">
        <v>46</v>
      </c>
      <c r="E15" s="11" t="s">
        <v>11</v>
      </c>
      <c r="F15" s="11" t="s">
        <v>11</v>
      </c>
      <c r="G15" s="11" t="s">
        <v>45</v>
      </c>
      <c r="H15" s="16">
        <v>0.51029999999999998</v>
      </c>
      <c r="I15" s="11" t="s">
        <v>11</v>
      </c>
      <c r="J15" s="11" t="s">
        <v>11</v>
      </c>
      <c r="K15" s="11" t="s">
        <v>11</v>
      </c>
      <c r="L15" s="11" t="s">
        <v>14</v>
      </c>
    </row>
    <row r="16" spans="1:12" x14ac:dyDescent="0.25">
      <c r="A16" s="11" t="s">
        <v>846</v>
      </c>
      <c r="B16" s="11" t="s">
        <v>11</v>
      </c>
      <c r="C16" s="11" t="s">
        <v>12</v>
      </c>
      <c r="D16" s="11" t="s">
        <v>46</v>
      </c>
      <c r="E16" s="11" t="s">
        <v>11</v>
      </c>
      <c r="F16" s="11" t="s">
        <v>11</v>
      </c>
      <c r="G16" s="11" t="s">
        <v>45</v>
      </c>
      <c r="H16" s="16">
        <v>0.58000000000000007</v>
      </c>
      <c r="I16" s="11" t="s">
        <v>11</v>
      </c>
      <c r="J16" s="11" t="s">
        <v>11</v>
      </c>
      <c r="K16" s="11" t="s">
        <v>11</v>
      </c>
      <c r="L16" s="11" t="s">
        <v>14</v>
      </c>
    </row>
    <row r="17" spans="1:12" x14ac:dyDescent="0.25">
      <c r="A17" s="11" t="s">
        <v>847</v>
      </c>
      <c r="B17" s="11" t="s">
        <v>11</v>
      </c>
      <c r="C17" s="11" t="s">
        <v>12</v>
      </c>
      <c r="D17" s="11" t="s">
        <v>46</v>
      </c>
      <c r="E17" s="11" t="s">
        <v>217</v>
      </c>
      <c r="F17" s="11" t="s">
        <v>11</v>
      </c>
      <c r="G17" s="11" t="s">
        <v>45</v>
      </c>
      <c r="H17" s="16">
        <v>0.42799999999999994</v>
      </c>
      <c r="I17" s="11" t="s">
        <v>11</v>
      </c>
      <c r="J17" s="11" t="s">
        <v>11</v>
      </c>
      <c r="K17" s="11" t="s">
        <v>11</v>
      </c>
      <c r="L17" s="11" t="s">
        <v>14</v>
      </c>
    </row>
    <row r="18" spans="1:12" x14ac:dyDescent="0.25">
      <c r="A18" s="11" t="s">
        <v>848</v>
      </c>
      <c r="B18" s="11" t="s">
        <v>11</v>
      </c>
      <c r="C18" s="11" t="s">
        <v>12</v>
      </c>
      <c r="D18" s="11" t="s">
        <v>46</v>
      </c>
      <c r="E18" s="11" t="s">
        <v>11</v>
      </c>
      <c r="F18" s="11" t="s">
        <v>11</v>
      </c>
      <c r="G18" s="11" t="s">
        <v>45</v>
      </c>
      <c r="H18" s="16">
        <v>0.42799999999999994</v>
      </c>
      <c r="I18" s="11" t="s">
        <v>11</v>
      </c>
      <c r="J18" s="11" t="s">
        <v>11</v>
      </c>
      <c r="K18" s="11" t="s">
        <v>11</v>
      </c>
      <c r="L18" s="11" t="s">
        <v>14</v>
      </c>
    </row>
    <row r="19" spans="1:12" x14ac:dyDescent="0.25">
      <c r="A19" s="11" t="s">
        <v>849</v>
      </c>
      <c r="B19" s="11" t="s">
        <v>11</v>
      </c>
      <c r="C19" s="11" t="s">
        <v>12</v>
      </c>
      <c r="D19" s="11" t="s">
        <v>46</v>
      </c>
      <c r="E19" s="11" t="s">
        <v>11</v>
      </c>
      <c r="F19" s="11" t="s">
        <v>11</v>
      </c>
      <c r="G19" s="11" t="s">
        <v>45</v>
      </c>
      <c r="H19" s="16">
        <v>0.41339999999999999</v>
      </c>
      <c r="I19" s="11" t="s">
        <v>11</v>
      </c>
      <c r="J19" s="11" t="s">
        <v>11</v>
      </c>
      <c r="K19" s="11" t="s">
        <v>11</v>
      </c>
      <c r="L19" s="11" t="s">
        <v>14</v>
      </c>
    </row>
    <row r="20" spans="1:12" x14ac:dyDescent="0.25">
      <c r="A20" s="11" t="s">
        <v>850</v>
      </c>
      <c r="B20" s="11" t="s">
        <v>11</v>
      </c>
      <c r="C20" s="11" t="s">
        <v>12</v>
      </c>
      <c r="D20" s="11" t="s">
        <v>46</v>
      </c>
      <c r="E20" s="11" t="s">
        <v>11</v>
      </c>
      <c r="F20" s="11" t="s">
        <v>11</v>
      </c>
      <c r="G20" s="11" t="s">
        <v>45</v>
      </c>
      <c r="H20" s="16">
        <v>0.42799999999999994</v>
      </c>
      <c r="I20" s="11" t="s">
        <v>11</v>
      </c>
      <c r="J20" s="11" t="s">
        <v>11</v>
      </c>
      <c r="K20" s="11" t="s">
        <v>11</v>
      </c>
      <c r="L20" s="11" t="s">
        <v>14</v>
      </c>
    </row>
    <row r="21" spans="1:12" x14ac:dyDescent="0.25">
      <c r="A21" s="11" t="s">
        <v>851</v>
      </c>
      <c r="B21" s="11" t="s">
        <v>11</v>
      </c>
      <c r="C21" s="11" t="s">
        <v>12</v>
      </c>
      <c r="D21" s="11" t="s">
        <v>46</v>
      </c>
      <c r="E21" s="11" t="s">
        <v>217</v>
      </c>
      <c r="F21" s="11" t="s">
        <v>11</v>
      </c>
      <c r="G21" s="11" t="s">
        <v>45</v>
      </c>
      <c r="H21" s="16">
        <v>0.39999999999999991</v>
      </c>
      <c r="I21" s="11" t="s">
        <v>11</v>
      </c>
      <c r="J21" s="11" t="s">
        <v>11</v>
      </c>
      <c r="K21" s="11" t="s">
        <v>11</v>
      </c>
      <c r="L21" s="11" t="s">
        <v>14</v>
      </c>
    </row>
    <row r="22" spans="1:12" x14ac:dyDescent="0.25">
      <c r="A22" s="11" t="s">
        <v>852</v>
      </c>
      <c r="B22" s="11" t="s">
        <v>11</v>
      </c>
      <c r="C22" s="11" t="s">
        <v>12</v>
      </c>
      <c r="D22" s="11" t="s">
        <v>46</v>
      </c>
      <c r="E22" s="11" t="s">
        <v>217</v>
      </c>
      <c r="F22" s="11" t="s">
        <v>11</v>
      </c>
      <c r="G22" s="11" t="s">
        <v>45</v>
      </c>
      <c r="H22" s="16">
        <v>0.42799999999999994</v>
      </c>
      <c r="I22" s="11" t="s">
        <v>11</v>
      </c>
      <c r="J22" s="11" t="s">
        <v>11</v>
      </c>
      <c r="K22" s="11" t="s">
        <v>11</v>
      </c>
      <c r="L22" s="11" t="s">
        <v>14</v>
      </c>
    </row>
    <row r="23" spans="1:12" x14ac:dyDescent="0.25">
      <c r="A23" s="11" t="s">
        <v>853</v>
      </c>
      <c r="B23" s="11" t="s">
        <v>11</v>
      </c>
      <c r="C23" s="11" t="s">
        <v>12</v>
      </c>
      <c r="D23" s="11" t="s">
        <v>46</v>
      </c>
      <c r="E23" s="11" t="s">
        <v>217</v>
      </c>
      <c r="F23" s="11" t="s">
        <v>11</v>
      </c>
      <c r="G23" s="11" t="s">
        <v>45</v>
      </c>
      <c r="H23" s="16">
        <v>0.42799999999999994</v>
      </c>
      <c r="I23" s="11" t="s">
        <v>11</v>
      </c>
      <c r="J23" s="11" t="s">
        <v>11</v>
      </c>
      <c r="K23" s="11" t="s">
        <v>11</v>
      </c>
      <c r="L23" s="11" t="s">
        <v>14</v>
      </c>
    </row>
    <row r="24" spans="1:12" x14ac:dyDescent="0.25">
      <c r="A24" s="11" t="s">
        <v>854</v>
      </c>
      <c r="B24" s="11" t="s">
        <v>11</v>
      </c>
      <c r="C24" s="11" t="s">
        <v>12</v>
      </c>
      <c r="D24" s="11" t="s">
        <v>46</v>
      </c>
      <c r="E24" s="11" t="s">
        <v>11</v>
      </c>
      <c r="F24" s="11" t="s">
        <v>11</v>
      </c>
      <c r="G24" s="11" t="s">
        <v>45</v>
      </c>
      <c r="H24" s="16">
        <v>0.42799999999999994</v>
      </c>
      <c r="I24" s="11" t="s">
        <v>11</v>
      </c>
      <c r="J24" s="11" t="s">
        <v>11</v>
      </c>
      <c r="K24" s="11" t="s">
        <v>11</v>
      </c>
      <c r="L24" s="11" t="s">
        <v>14</v>
      </c>
    </row>
    <row r="25" spans="1:12" x14ac:dyDescent="0.25">
      <c r="A25" s="11" t="s">
        <v>855</v>
      </c>
      <c r="B25" s="11" t="s">
        <v>11</v>
      </c>
      <c r="C25" s="11" t="s">
        <v>12</v>
      </c>
      <c r="D25" s="11" t="s">
        <v>46</v>
      </c>
      <c r="E25" s="11" t="s">
        <v>217</v>
      </c>
      <c r="F25" s="11" t="s">
        <v>11</v>
      </c>
      <c r="G25" s="11" t="s">
        <v>45</v>
      </c>
      <c r="H25" s="16">
        <v>0.47259999999999991</v>
      </c>
      <c r="I25" s="11" t="s">
        <v>11</v>
      </c>
      <c r="J25" s="11" t="s">
        <v>11</v>
      </c>
      <c r="K25" s="11" t="s">
        <v>11</v>
      </c>
      <c r="L25" s="11" t="s">
        <v>14</v>
      </c>
    </row>
    <row r="26" spans="1:12" x14ac:dyDescent="0.25">
      <c r="A26" s="11" t="s">
        <v>856</v>
      </c>
      <c r="B26" s="11" t="s">
        <v>11</v>
      </c>
      <c r="C26" s="11" t="s">
        <v>12</v>
      </c>
      <c r="D26" s="11" t="s">
        <v>46</v>
      </c>
      <c r="E26" s="11" t="s">
        <v>217</v>
      </c>
      <c r="F26" s="11" t="s">
        <v>11</v>
      </c>
      <c r="G26" s="11" t="s">
        <v>45</v>
      </c>
      <c r="H26" s="16">
        <v>0.47259999999999991</v>
      </c>
      <c r="I26" s="11" t="s">
        <v>11</v>
      </c>
      <c r="J26" s="11" t="s">
        <v>11</v>
      </c>
      <c r="K26" s="11" t="s">
        <v>11</v>
      </c>
      <c r="L26" s="11" t="s">
        <v>14</v>
      </c>
    </row>
    <row r="27" spans="1:12" x14ac:dyDescent="0.25">
      <c r="A27" s="11" t="s">
        <v>857</v>
      </c>
      <c r="B27" s="11" t="s">
        <v>11</v>
      </c>
      <c r="C27" s="11" t="s">
        <v>12</v>
      </c>
      <c r="D27" s="11" t="s">
        <v>46</v>
      </c>
      <c r="E27" s="11" t="s">
        <v>217</v>
      </c>
      <c r="F27" s="11" t="s">
        <v>11</v>
      </c>
      <c r="G27" s="11" t="s">
        <v>45</v>
      </c>
      <c r="H27" s="16">
        <v>0.47259999999999991</v>
      </c>
      <c r="I27" s="11" t="s">
        <v>11</v>
      </c>
      <c r="J27" s="11" t="s">
        <v>11</v>
      </c>
      <c r="K27" s="11" t="s">
        <v>11</v>
      </c>
      <c r="L27" s="11" t="s">
        <v>14</v>
      </c>
    </row>
    <row r="28" spans="1:12" x14ac:dyDescent="0.25">
      <c r="A28" s="11" t="s">
        <v>858</v>
      </c>
      <c r="B28" s="11" t="s">
        <v>11</v>
      </c>
      <c r="C28" s="11" t="s">
        <v>12</v>
      </c>
      <c r="D28" s="11" t="s">
        <v>46</v>
      </c>
      <c r="E28" s="11" t="s">
        <v>11</v>
      </c>
      <c r="F28" s="11" t="s">
        <v>11</v>
      </c>
      <c r="G28" s="11" t="s">
        <v>45</v>
      </c>
      <c r="H28" s="16">
        <v>0.47259999999999991</v>
      </c>
      <c r="I28" s="11" t="s">
        <v>11</v>
      </c>
      <c r="J28" s="11" t="s">
        <v>11</v>
      </c>
      <c r="K28" s="11" t="s">
        <v>11</v>
      </c>
      <c r="L28" s="11" t="s">
        <v>14</v>
      </c>
    </row>
    <row r="29" spans="1:12" x14ac:dyDescent="0.25">
      <c r="A29" s="11" t="s">
        <v>859</v>
      </c>
      <c r="B29" s="11" t="s">
        <v>11</v>
      </c>
      <c r="C29" s="11" t="s">
        <v>12</v>
      </c>
      <c r="D29" s="11" t="s">
        <v>46</v>
      </c>
      <c r="E29" s="11" t="s">
        <v>11</v>
      </c>
      <c r="F29" s="11" t="s">
        <v>11</v>
      </c>
      <c r="G29" s="11" t="s">
        <v>45</v>
      </c>
      <c r="H29" s="16">
        <v>0.47259999999999991</v>
      </c>
      <c r="I29" s="11" t="s">
        <v>11</v>
      </c>
      <c r="J29" s="11" t="s">
        <v>11</v>
      </c>
      <c r="K29" s="11" t="s">
        <v>11</v>
      </c>
      <c r="L29" s="11" t="s">
        <v>14</v>
      </c>
    </row>
    <row r="30" spans="1:12" x14ac:dyDescent="0.25">
      <c r="A30" s="11" t="s">
        <v>860</v>
      </c>
      <c r="B30" s="11" t="s">
        <v>11</v>
      </c>
      <c r="C30" s="11" t="s">
        <v>12</v>
      </c>
      <c r="D30" s="11" t="s">
        <v>46</v>
      </c>
      <c r="E30" s="11" t="s">
        <v>217</v>
      </c>
      <c r="F30" s="11" t="s">
        <v>11</v>
      </c>
      <c r="G30" s="11" t="s">
        <v>45</v>
      </c>
      <c r="H30" s="16">
        <v>0.47259999999999991</v>
      </c>
      <c r="I30" s="11" t="s">
        <v>11</v>
      </c>
      <c r="J30" s="11" t="s">
        <v>11</v>
      </c>
      <c r="K30" s="11" t="s">
        <v>11</v>
      </c>
      <c r="L30" s="11" t="s">
        <v>14</v>
      </c>
    </row>
    <row r="31" spans="1:12" x14ac:dyDescent="0.25">
      <c r="A31" s="11" t="s">
        <v>861</v>
      </c>
      <c r="B31" s="11" t="s">
        <v>11</v>
      </c>
      <c r="C31" s="11" t="s">
        <v>12</v>
      </c>
      <c r="D31" s="11" t="s">
        <v>46</v>
      </c>
      <c r="E31" s="11" t="s">
        <v>11</v>
      </c>
      <c r="F31" s="11" t="s">
        <v>11</v>
      </c>
      <c r="G31" s="11" t="s">
        <v>45</v>
      </c>
      <c r="H31" s="16">
        <v>0.47259999999999991</v>
      </c>
      <c r="I31" s="11" t="s">
        <v>11</v>
      </c>
      <c r="J31" s="11" t="s">
        <v>11</v>
      </c>
      <c r="K31" s="11" t="s">
        <v>11</v>
      </c>
      <c r="L31" s="11" t="s">
        <v>14</v>
      </c>
    </row>
    <row r="32" spans="1:12" x14ac:dyDescent="0.25">
      <c r="A32" s="11" t="s">
        <v>862</v>
      </c>
      <c r="B32" s="11" t="s">
        <v>11</v>
      </c>
      <c r="C32" s="11" t="s">
        <v>12</v>
      </c>
      <c r="D32" s="11" t="s">
        <v>46</v>
      </c>
      <c r="E32" s="11" t="s">
        <v>11</v>
      </c>
      <c r="F32" s="11" t="s">
        <v>11</v>
      </c>
      <c r="G32" s="11" t="s">
        <v>45</v>
      </c>
      <c r="H32" s="16">
        <v>0.47259999999999991</v>
      </c>
      <c r="I32" s="11" t="s">
        <v>11</v>
      </c>
      <c r="J32" s="11" t="s">
        <v>11</v>
      </c>
      <c r="K32" s="11" t="s">
        <v>11</v>
      </c>
      <c r="L32" s="11" t="s">
        <v>14</v>
      </c>
    </row>
    <row r="33" spans="1:12" x14ac:dyDescent="0.25">
      <c r="A33" s="11" t="s">
        <v>863</v>
      </c>
      <c r="B33" s="11" t="s">
        <v>11</v>
      </c>
      <c r="C33" s="11" t="s">
        <v>12</v>
      </c>
      <c r="D33" s="11" t="s">
        <v>46</v>
      </c>
      <c r="E33" s="11" t="s">
        <v>217</v>
      </c>
      <c r="F33" s="11" t="s">
        <v>11</v>
      </c>
      <c r="G33" s="11" t="s">
        <v>45</v>
      </c>
      <c r="H33" s="16">
        <v>0.42799999999999994</v>
      </c>
      <c r="I33" s="11" t="s">
        <v>11</v>
      </c>
      <c r="J33" s="11" t="s">
        <v>11</v>
      </c>
      <c r="K33" s="11" t="s">
        <v>11</v>
      </c>
      <c r="L33" s="11" t="s">
        <v>14</v>
      </c>
    </row>
    <row r="34" spans="1:12" x14ac:dyDescent="0.25">
      <c r="A34" s="11" t="s">
        <v>864</v>
      </c>
      <c r="B34" s="11" t="s">
        <v>11</v>
      </c>
      <c r="C34" s="11" t="s">
        <v>12</v>
      </c>
      <c r="D34" s="11" t="s">
        <v>46</v>
      </c>
      <c r="E34" s="11" t="s">
        <v>217</v>
      </c>
      <c r="F34" s="11" t="s">
        <v>11</v>
      </c>
      <c r="G34" s="11" t="s">
        <v>45</v>
      </c>
      <c r="H34" s="16">
        <v>0.30000000000000004</v>
      </c>
      <c r="I34" s="11" t="s">
        <v>11</v>
      </c>
      <c r="J34" s="11" t="s">
        <v>11</v>
      </c>
      <c r="K34" s="11" t="s">
        <v>11</v>
      </c>
      <c r="L34" s="11" t="s">
        <v>14</v>
      </c>
    </row>
    <row r="35" spans="1:12" x14ac:dyDescent="0.25">
      <c r="A35" s="11" t="s">
        <v>865</v>
      </c>
      <c r="B35" s="11" t="s">
        <v>11</v>
      </c>
      <c r="C35" s="11" t="s">
        <v>12</v>
      </c>
      <c r="D35" s="11" t="s">
        <v>46</v>
      </c>
      <c r="E35" s="11" t="s">
        <v>217</v>
      </c>
      <c r="F35" s="11" t="s">
        <v>11</v>
      </c>
      <c r="G35" s="11" t="s">
        <v>45</v>
      </c>
      <c r="H35" s="16">
        <v>0.30000000000000004</v>
      </c>
      <c r="I35" s="11" t="s">
        <v>11</v>
      </c>
      <c r="J35" s="11" t="s">
        <v>11</v>
      </c>
      <c r="K35" s="11" t="s">
        <v>11</v>
      </c>
      <c r="L35" s="11" t="s">
        <v>14</v>
      </c>
    </row>
    <row r="36" spans="1:12" x14ac:dyDescent="0.25">
      <c r="A36" s="11" t="s">
        <v>866</v>
      </c>
      <c r="B36" s="11" t="s">
        <v>11</v>
      </c>
      <c r="C36" s="11" t="s">
        <v>12</v>
      </c>
      <c r="D36" s="11" t="s">
        <v>46</v>
      </c>
      <c r="E36" s="11" t="s">
        <v>217</v>
      </c>
      <c r="F36" s="11" t="s">
        <v>11</v>
      </c>
      <c r="G36" s="11" t="s">
        <v>45</v>
      </c>
      <c r="H36" s="16">
        <v>0.30000000000000004</v>
      </c>
      <c r="I36" s="11" t="s">
        <v>11</v>
      </c>
      <c r="J36" s="11" t="s">
        <v>11</v>
      </c>
      <c r="K36" s="11" t="s">
        <v>11</v>
      </c>
      <c r="L36" s="11" t="s">
        <v>14</v>
      </c>
    </row>
    <row r="37" spans="1:12" x14ac:dyDescent="0.25">
      <c r="A37" s="11" t="s">
        <v>867</v>
      </c>
      <c r="B37" s="11" t="s">
        <v>11</v>
      </c>
      <c r="C37" s="11" t="s">
        <v>12</v>
      </c>
      <c r="D37" s="11" t="s">
        <v>46</v>
      </c>
      <c r="E37" s="11" t="s">
        <v>217</v>
      </c>
      <c r="F37" s="11" t="s">
        <v>11</v>
      </c>
      <c r="G37" s="11" t="s">
        <v>45</v>
      </c>
      <c r="H37" s="16">
        <v>0.30000000000000004</v>
      </c>
      <c r="I37" s="11" t="s">
        <v>11</v>
      </c>
      <c r="J37" s="11" t="s">
        <v>11</v>
      </c>
      <c r="K37" s="11" t="s">
        <v>11</v>
      </c>
      <c r="L37" s="11" t="s">
        <v>14</v>
      </c>
    </row>
    <row r="38" spans="1:12" x14ac:dyDescent="0.25">
      <c r="A38" s="11" t="s">
        <v>868</v>
      </c>
      <c r="B38" s="11" t="s">
        <v>11</v>
      </c>
      <c r="C38" s="11" t="s">
        <v>12</v>
      </c>
      <c r="D38" s="11" t="s">
        <v>46</v>
      </c>
      <c r="E38" s="11" t="s">
        <v>217</v>
      </c>
      <c r="F38" s="11" t="s">
        <v>11</v>
      </c>
      <c r="G38" s="11" t="s">
        <v>45</v>
      </c>
      <c r="H38" s="16">
        <v>0.30000000000000004</v>
      </c>
      <c r="I38" s="11" t="s">
        <v>11</v>
      </c>
      <c r="J38" s="11" t="s">
        <v>11</v>
      </c>
      <c r="K38" s="11" t="s">
        <v>11</v>
      </c>
      <c r="L38" s="11" t="s">
        <v>14</v>
      </c>
    </row>
    <row r="39" spans="1:12" x14ac:dyDescent="0.25">
      <c r="A39" s="11" t="s">
        <v>869</v>
      </c>
      <c r="B39" s="11" t="s">
        <v>11</v>
      </c>
      <c r="C39" s="11" t="s">
        <v>12</v>
      </c>
      <c r="D39" s="11" t="s">
        <v>46</v>
      </c>
      <c r="E39" s="11" t="s">
        <v>217</v>
      </c>
      <c r="F39" s="11" t="s">
        <v>11</v>
      </c>
      <c r="G39" s="11" t="s">
        <v>45</v>
      </c>
      <c r="H39" s="16">
        <v>0.30000000000000004</v>
      </c>
      <c r="I39" s="11" t="s">
        <v>11</v>
      </c>
      <c r="J39" s="11" t="s">
        <v>11</v>
      </c>
      <c r="K39" s="11" t="s">
        <v>11</v>
      </c>
      <c r="L39" s="11" t="s">
        <v>14</v>
      </c>
    </row>
    <row r="40" spans="1:12" x14ac:dyDescent="0.25">
      <c r="A40" s="11" t="s">
        <v>870</v>
      </c>
      <c r="B40" s="11" t="s">
        <v>11</v>
      </c>
      <c r="C40" s="11" t="s">
        <v>12</v>
      </c>
      <c r="D40" s="11" t="s">
        <v>46</v>
      </c>
      <c r="E40" s="11" t="s">
        <v>217</v>
      </c>
      <c r="F40" s="11" t="s">
        <v>11</v>
      </c>
      <c r="G40" s="11" t="s">
        <v>45</v>
      </c>
      <c r="H40" s="16">
        <v>0.30000000000000004</v>
      </c>
      <c r="I40" s="11" t="s">
        <v>11</v>
      </c>
      <c r="J40" s="11" t="s">
        <v>11</v>
      </c>
      <c r="K40" s="11" t="s">
        <v>11</v>
      </c>
      <c r="L40" s="11" t="s">
        <v>14</v>
      </c>
    </row>
    <row r="41" spans="1:12" x14ac:dyDescent="0.25">
      <c r="A41" s="11" t="s">
        <v>871</v>
      </c>
      <c r="B41" s="11" t="s">
        <v>11</v>
      </c>
      <c r="C41" s="11" t="s">
        <v>12</v>
      </c>
      <c r="D41" s="11" t="s">
        <v>46</v>
      </c>
      <c r="E41" s="11" t="s">
        <v>11</v>
      </c>
      <c r="F41" s="11" t="s">
        <v>11</v>
      </c>
      <c r="G41" s="11" t="s">
        <v>45</v>
      </c>
      <c r="H41" s="16">
        <v>0.30000000000000004</v>
      </c>
      <c r="I41" s="11" t="s">
        <v>11</v>
      </c>
      <c r="J41" s="11" t="s">
        <v>11</v>
      </c>
      <c r="K41" s="11" t="s">
        <v>11</v>
      </c>
      <c r="L41" s="11" t="s">
        <v>14</v>
      </c>
    </row>
    <row r="42" spans="1:12" x14ac:dyDescent="0.25">
      <c r="A42" s="11" t="s">
        <v>872</v>
      </c>
      <c r="B42" s="11" t="s">
        <v>11</v>
      </c>
      <c r="C42" s="11" t="s">
        <v>12</v>
      </c>
      <c r="D42" s="11" t="s">
        <v>46</v>
      </c>
      <c r="E42" s="11" t="s">
        <v>217</v>
      </c>
      <c r="F42" s="11" t="s">
        <v>11</v>
      </c>
      <c r="G42" s="11" t="s">
        <v>45</v>
      </c>
      <c r="H42" s="16">
        <v>0.37999999999999989</v>
      </c>
      <c r="I42" s="11" t="s">
        <v>11</v>
      </c>
      <c r="J42" s="11" t="s">
        <v>11</v>
      </c>
      <c r="K42" s="11" t="s">
        <v>11</v>
      </c>
      <c r="L42" s="11" t="s">
        <v>14</v>
      </c>
    </row>
    <row r="43" spans="1:12" x14ac:dyDescent="0.25">
      <c r="A43" s="11" t="s">
        <v>873</v>
      </c>
      <c r="B43" s="11" t="s">
        <v>11</v>
      </c>
      <c r="C43" s="11" t="s">
        <v>12</v>
      </c>
      <c r="D43" s="11" t="s">
        <v>46</v>
      </c>
      <c r="E43" s="11" t="s">
        <v>217</v>
      </c>
      <c r="F43" s="11" t="s">
        <v>11</v>
      </c>
      <c r="G43" s="11" t="s">
        <v>45</v>
      </c>
      <c r="H43" s="16">
        <v>0.37999999999999989</v>
      </c>
      <c r="I43" s="11" t="s">
        <v>11</v>
      </c>
      <c r="J43" s="11" t="s">
        <v>11</v>
      </c>
      <c r="K43" s="11" t="s">
        <v>11</v>
      </c>
      <c r="L43" s="11" t="s">
        <v>14</v>
      </c>
    </row>
    <row r="44" spans="1:12" x14ac:dyDescent="0.25">
      <c r="A44" s="11" t="s">
        <v>874</v>
      </c>
      <c r="B44" s="11" t="s">
        <v>11</v>
      </c>
      <c r="C44" s="11" t="s">
        <v>12</v>
      </c>
      <c r="D44" s="11" t="s">
        <v>46</v>
      </c>
      <c r="E44" s="11" t="s">
        <v>217</v>
      </c>
      <c r="F44" s="11" t="s">
        <v>11</v>
      </c>
      <c r="G44" s="11" t="s">
        <v>45</v>
      </c>
      <c r="H44" s="16">
        <v>0.37999999999999989</v>
      </c>
      <c r="I44" s="11" t="s">
        <v>11</v>
      </c>
      <c r="J44" s="11" t="s">
        <v>11</v>
      </c>
      <c r="K44" s="11" t="s">
        <v>11</v>
      </c>
      <c r="L44" s="11" t="s">
        <v>14</v>
      </c>
    </row>
    <row r="45" spans="1:12" x14ac:dyDescent="0.25">
      <c r="A45" s="11" t="s">
        <v>875</v>
      </c>
      <c r="B45" s="11" t="s">
        <v>11</v>
      </c>
      <c r="C45" s="11" t="s">
        <v>12</v>
      </c>
      <c r="D45" s="11" t="s">
        <v>46</v>
      </c>
      <c r="E45" s="11" t="s">
        <v>11</v>
      </c>
      <c r="F45" s="11" t="s">
        <v>11</v>
      </c>
      <c r="G45" s="11" t="s">
        <v>45</v>
      </c>
      <c r="H45" s="16">
        <v>0.39999999999999991</v>
      </c>
      <c r="I45" s="11" t="s">
        <v>11</v>
      </c>
      <c r="J45" s="11" t="s">
        <v>11</v>
      </c>
      <c r="K45" s="11" t="s">
        <v>11</v>
      </c>
      <c r="L45" s="11" t="s">
        <v>14</v>
      </c>
    </row>
    <row r="46" spans="1:12" x14ac:dyDescent="0.25">
      <c r="A46" s="11" t="s">
        <v>876</v>
      </c>
      <c r="B46" s="11" t="s">
        <v>11</v>
      </c>
      <c r="C46" s="11" t="s">
        <v>12</v>
      </c>
      <c r="D46" s="11" t="s">
        <v>46</v>
      </c>
      <c r="E46" s="11" t="s">
        <v>11</v>
      </c>
      <c r="F46" s="11" t="s">
        <v>11</v>
      </c>
      <c r="G46" s="11" t="s">
        <v>45</v>
      </c>
      <c r="H46" s="16">
        <v>0.37729999999999997</v>
      </c>
      <c r="I46" s="11" t="s">
        <v>11</v>
      </c>
      <c r="J46" s="11" t="s">
        <v>11</v>
      </c>
      <c r="K46" s="11" t="s">
        <v>11</v>
      </c>
      <c r="L46" s="11" t="s">
        <v>14</v>
      </c>
    </row>
    <row r="47" spans="1:12" x14ac:dyDescent="0.25">
      <c r="A47" s="11" t="s">
        <v>877</v>
      </c>
      <c r="B47" s="11" t="s">
        <v>11</v>
      </c>
      <c r="C47" s="11" t="s">
        <v>12</v>
      </c>
      <c r="D47" s="11" t="s">
        <v>46</v>
      </c>
      <c r="E47" s="11" t="s">
        <v>217</v>
      </c>
      <c r="F47" s="11" t="s">
        <v>11</v>
      </c>
      <c r="G47" s="11" t="s">
        <v>45</v>
      </c>
      <c r="H47" s="16">
        <v>0.47259999999999991</v>
      </c>
      <c r="I47" s="11" t="s">
        <v>11</v>
      </c>
      <c r="J47" s="11" t="s">
        <v>11</v>
      </c>
      <c r="K47" s="11" t="s">
        <v>11</v>
      </c>
      <c r="L47" s="11" t="s">
        <v>14</v>
      </c>
    </row>
    <row r="48" spans="1:12" x14ac:dyDescent="0.25">
      <c r="A48" s="11" t="s">
        <v>878</v>
      </c>
      <c r="B48" s="11" t="s">
        <v>11</v>
      </c>
      <c r="C48" s="11" t="s">
        <v>12</v>
      </c>
      <c r="D48" s="11" t="s">
        <v>46</v>
      </c>
      <c r="E48" s="11" t="s">
        <v>217</v>
      </c>
      <c r="F48" s="11" t="s">
        <v>11</v>
      </c>
      <c r="G48" s="11" t="s">
        <v>45</v>
      </c>
      <c r="H48" s="16">
        <v>0.47259999999999991</v>
      </c>
      <c r="I48" s="11" t="s">
        <v>11</v>
      </c>
      <c r="J48" s="11" t="s">
        <v>11</v>
      </c>
      <c r="K48" s="11" t="s">
        <v>11</v>
      </c>
      <c r="L48" s="11" t="s">
        <v>14</v>
      </c>
    </row>
    <row r="49" spans="1:12" x14ac:dyDescent="0.25">
      <c r="A49" s="11" t="s">
        <v>879</v>
      </c>
      <c r="B49" s="11" t="s">
        <v>11</v>
      </c>
      <c r="C49" s="11" t="s">
        <v>12</v>
      </c>
      <c r="D49" s="11" t="s">
        <v>46</v>
      </c>
      <c r="E49" s="11" t="s">
        <v>11</v>
      </c>
      <c r="F49" s="11" t="s">
        <v>11</v>
      </c>
      <c r="G49" s="11" t="s">
        <v>45</v>
      </c>
      <c r="H49" s="16">
        <v>0.35030000000000006</v>
      </c>
      <c r="I49" s="11" t="s">
        <v>11</v>
      </c>
      <c r="J49" s="11" t="s">
        <v>11</v>
      </c>
      <c r="K49" s="11" t="s">
        <v>11</v>
      </c>
      <c r="L49" s="11" t="s">
        <v>14</v>
      </c>
    </row>
    <row r="50" spans="1:12" x14ac:dyDescent="0.25">
      <c r="A50" s="11" t="s">
        <v>880</v>
      </c>
      <c r="B50" s="11" t="s">
        <v>11</v>
      </c>
      <c r="C50" s="11" t="s">
        <v>12</v>
      </c>
      <c r="D50" s="11" t="s">
        <v>46</v>
      </c>
      <c r="E50" s="11" t="s">
        <v>217</v>
      </c>
      <c r="F50" s="11" t="s">
        <v>11</v>
      </c>
      <c r="G50" s="11" t="s">
        <v>45</v>
      </c>
      <c r="H50" s="16">
        <v>0.47259999999999991</v>
      </c>
      <c r="I50" s="11" t="s">
        <v>11</v>
      </c>
      <c r="J50" s="11" t="s">
        <v>11</v>
      </c>
      <c r="K50" s="11" t="s">
        <v>11</v>
      </c>
      <c r="L50" s="11" t="s">
        <v>14</v>
      </c>
    </row>
    <row r="51" spans="1:12" x14ac:dyDescent="0.25">
      <c r="A51" s="11" t="s">
        <v>881</v>
      </c>
      <c r="B51" s="11" t="s">
        <v>11</v>
      </c>
      <c r="C51" s="11" t="s">
        <v>12</v>
      </c>
      <c r="D51" s="11" t="s">
        <v>46</v>
      </c>
      <c r="E51" s="11" t="s">
        <v>217</v>
      </c>
      <c r="F51" s="11" t="s">
        <v>11</v>
      </c>
      <c r="G51" s="11" t="s">
        <v>45</v>
      </c>
      <c r="H51" s="16">
        <v>0.47259999999999991</v>
      </c>
      <c r="I51" s="11" t="s">
        <v>11</v>
      </c>
      <c r="J51" s="11" t="s">
        <v>11</v>
      </c>
      <c r="K51" s="11" t="s">
        <v>11</v>
      </c>
      <c r="L51" s="11" t="s">
        <v>14</v>
      </c>
    </row>
    <row r="52" spans="1:12" x14ac:dyDescent="0.25">
      <c r="A52" s="11" t="s">
        <v>882</v>
      </c>
      <c r="B52" s="11" t="s">
        <v>11</v>
      </c>
      <c r="C52" s="11" t="s">
        <v>12</v>
      </c>
      <c r="D52" s="11" t="s">
        <v>46</v>
      </c>
      <c r="E52" s="11" t="s">
        <v>217</v>
      </c>
      <c r="F52" s="11" t="s">
        <v>11</v>
      </c>
      <c r="G52" s="11" t="s">
        <v>45</v>
      </c>
      <c r="H52" s="16">
        <v>0.47259999999999991</v>
      </c>
      <c r="I52" s="11" t="s">
        <v>11</v>
      </c>
      <c r="J52" s="11" t="s">
        <v>11</v>
      </c>
      <c r="K52" s="11" t="s">
        <v>11</v>
      </c>
      <c r="L52" s="11" t="s">
        <v>14</v>
      </c>
    </row>
    <row r="53" spans="1:12" x14ac:dyDescent="0.25">
      <c r="A53" s="11" t="s">
        <v>883</v>
      </c>
      <c r="B53" s="11" t="s">
        <v>11</v>
      </c>
      <c r="C53" s="11" t="s">
        <v>12</v>
      </c>
      <c r="D53" s="11" t="s">
        <v>46</v>
      </c>
      <c r="E53" s="11" t="s">
        <v>217</v>
      </c>
      <c r="F53" s="11" t="s">
        <v>11</v>
      </c>
      <c r="G53" s="11" t="s">
        <v>45</v>
      </c>
      <c r="H53" s="16">
        <v>0.47259999999999991</v>
      </c>
      <c r="I53" s="11" t="s">
        <v>11</v>
      </c>
      <c r="J53" s="11" t="s">
        <v>11</v>
      </c>
      <c r="K53" s="11" t="s">
        <v>11</v>
      </c>
      <c r="L53" s="11" t="s">
        <v>14</v>
      </c>
    </row>
    <row r="54" spans="1:12" x14ac:dyDescent="0.25">
      <c r="A54" s="11" t="s">
        <v>884</v>
      </c>
      <c r="B54" s="11" t="s">
        <v>11</v>
      </c>
      <c r="C54" s="11" t="s">
        <v>12</v>
      </c>
      <c r="D54" s="11" t="s">
        <v>46</v>
      </c>
      <c r="E54" s="11" t="s">
        <v>217</v>
      </c>
      <c r="F54" s="11" t="s">
        <v>11</v>
      </c>
      <c r="G54" s="11" t="s">
        <v>45</v>
      </c>
      <c r="H54" s="16">
        <v>0.47259999999999991</v>
      </c>
      <c r="I54" s="11" t="s">
        <v>11</v>
      </c>
      <c r="J54" s="11" t="s">
        <v>11</v>
      </c>
      <c r="K54" s="11" t="s">
        <v>11</v>
      </c>
      <c r="L54" s="11" t="s">
        <v>14</v>
      </c>
    </row>
    <row r="55" spans="1:12" x14ac:dyDescent="0.25">
      <c r="A55" s="11" t="s">
        <v>885</v>
      </c>
      <c r="B55" s="11" t="s">
        <v>11</v>
      </c>
      <c r="C55" s="11" t="s">
        <v>12</v>
      </c>
      <c r="D55" s="11" t="s">
        <v>46</v>
      </c>
      <c r="E55" s="11" t="s">
        <v>217</v>
      </c>
      <c r="F55" s="11" t="s">
        <v>11</v>
      </c>
      <c r="G55" s="11" t="s">
        <v>45</v>
      </c>
      <c r="H55" s="16">
        <v>0.47259999999999991</v>
      </c>
      <c r="I55" s="11" t="s">
        <v>11</v>
      </c>
      <c r="J55" s="11" t="s">
        <v>11</v>
      </c>
      <c r="K55" s="11" t="s">
        <v>11</v>
      </c>
      <c r="L55" s="11" t="s">
        <v>14</v>
      </c>
    </row>
    <row r="56" spans="1:12" x14ac:dyDescent="0.25">
      <c r="A56" s="11" t="s">
        <v>886</v>
      </c>
      <c r="B56" s="11" t="s">
        <v>11</v>
      </c>
      <c r="C56" s="11" t="s">
        <v>12</v>
      </c>
      <c r="D56" s="11" t="s">
        <v>46</v>
      </c>
      <c r="E56" s="11" t="s">
        <v>217</v>
      </c>
      <c r="F56" s="11" t="s">
        <v>11</v>
      </c>
      <c r="G56" s="11" t="s">
        <v>45</v>
      </c>
      <c r="H56" s="16">
        <v>0.47259999999999991</v>
      </c>
      <c r="I56" s="11" t="s">
        <v>11</v>
      </c>
      <c r="J56" s="11" t="s">
        <v>11</v>
      </c>
      <c r="K56" s="11" t="s">
        <v>11</v>
      </c>
      <c r="L56" s="11" t="s">
        <v>14</v>
      </c>
    </row>
    <row r="57" spans="1:12" x14ac:dyDescent="0.25">
      <c r="A57" s="11" t="s">
        <v>887</v>
      </c>
      <c r="B57" s="11" t="s">
        <v>11</v>
      </c>
      <c r="C57" s="11" t="s">
        <v>12</v>
      </c>
      <c r="D57" s="11" t="s">
        <v>46</v>
      </c>
      <c r="E57" s="11" t="s">
        <v>11</v>
      </c>
      <c r="F57" s="11" t="s">
        <v>11</v>
      </c>
      <c r="G57" s="11" t="s">
        <v>45</v>
      </c>
      <c r="H57" s="16">
        <v>0.35030000000000006</v>
      </c>
      <c r="I57" s="11" t="s">
        <v>11</v>
      </c>
      <c r="J57" s="11" t="s">
        <v>11</v>
      </c>
      <c r="K57" s="11" t="s">
        <v>11</v>
      </c>
      <c r="L57" s="11" t="s">
        <v>14</v>
      </c>
    </row>
    <row r="58" spans="1:12" x14ac:dyDescent="0.25">
      <c r="A58" s="11" t="s">
        <v>888</v>
      </c>
      <c r="B58" s="11" t="s">
        <v>11</v>
      </c>
      <c r="C58" s="11" t="s">
        <v>12</v>
      </c>
      <c r="D58" s="11" t="s">
        <v>46</v>
      </c>
      <c r="E58" s="11" t="s">
        <v>217</v>
      </c>
      <c r="F58" s="11" t="s">
        <v>11</v>
      </c>
      <c r="G58" s="11" t="s">
        <v>45</v>
      </c>
      <c r="H58" s="16">
        <v>0.35539999999999994</v>
      </c>
      <c r="I58" s="11" t="s">
        <v>11</v>
      </c>
      <c r="J58" s="11" t="s">
        <v>11</v>
      </c>
      <c r="K58" s="11" t="s">
        <v>11</v>
      </c>
      <c r="L58" s="11" t="s">
        <v>14</v>
      </c>
    </row>
    <row r="59" spans="1:12" x14ac:dyDescent="0.25">
      <c r="A59" s="11" t="s">
        <v>889</v>
      </c>
      <c r="B59" s="11" t="s">
        <v>11</v>
      </c>
      <c r="C59" s="11" t="s">
        <v>12</v>
      </c>
      <c r="D59" s="11" t="s">
        <v>967</v>
      </c>
      <c r="E59" s="11" t="s">
        <v>11</v>
      </c>
      <c r="F59" s="11" t="s">
        <v>968</v>
      </c>
      <c r="G59" s="11" t="s">
        <v>45</v>
      </c>
      <c r="H59" s="16">
        <v>9.000000000000008E-2</v>
      </c>
      <c r="I59" s="11" t="s">
        <v>11</v>
      </c>
      <c r="J59" s="11" t="s">
        <v>11</v>
      </c>
      <c r="K59" s="11" t="s">
        <v>11</v>
      </c>
      <c r="L59" s="11" t="s">
        <v>14</v>
      </c>
    </row>
    <row r="60" spans="1:12" x14ac:dyDescent="0.25">
      <c r="A60" s="11" t="s">
        <v>890</v>
      </c>
      <c r="B60" s="11" t="s">
        <v>11</v>
      </c>
      <c r="C60" s="11" t="s">
        <v>12</v>
      </c>
      <c r="D60" s="11" t="s">
        <v>967</v>
      </c>
      <c r="E60" s="11" t="s">
        <v>11</v>
      </c>
      <c r="F60" s="11" t="s">
        <v>968</v>
      </c>
      <c r="G60" s="11" t="s">
        <v>45</v>
      </c>
      <c r="H60" s="16">
        <v>9.000000000000008E-2</v>
      </c>
      <c r="I60" s="11" t="s">
        <v>11</v>
      </c>
      <c r="J60" s="11" t="s">
        <v>11</v>
      </c>
      <c r="K60" s="11" t="s">
        <v>11</v>
      </c>
      <c r="L60" s="11" t="s">
        <v>14</v>
      </c>
    </row>
    <row r="61" spans="1:12" x14ac:dyDescent="0.25">
      <c r="A61" s="11" t="s">
        <v>891</v>
      </c>
      <c r="B61" s="11" t="s">
        <v>11</v>
      </c>
      <c r="C61" s="11" t="s">
        <v>12</v>
      </c>
      <c r="D61" s="11" t="s">
        <v>46</v>
      </c>
      <c r="E61" s="11" t="s">
        <v>217</v>
      </c>
      <c r="F61" s="11" t="s">
        <v>11</v>
      </c>
      <c r="G61" s="11" t="s">
        <v>45</v>
      </c>
      <c r="H61" s="16">
        <v>9.000000000000008E-2</v>
      </c>
      <c r="I61" s="11" t="s">
        <v>11</v>
      </c>
      <c r="J61" s="11" t="s">
        <v>11</v>
      </c>
      <c r="K61" s="11" t="s">
        <v>11</v>
      </c>
      <c r="L61" s="11" t="s">
        <v>14</v>
      </c>
    </row>
    <row r="62" spans="1:12" x14ac:dyDescent="0.25">
      <c r="A62" s="11" t="s">
        <v>892</v>
      </c>
      <c r="B62" s="11" t="s">
        <v>11</v>
      </c>
      <c r="C62" s="11" t="s">
        <v>12</v>
      </c>
      <c r="D62" s="11" t="s">
        <v>46</v>
      </c>
      <c r="E62" s="11" t="s">
        <v>11</v>
      </c>
      <c r="F62" s="11" t="s">
        <v>11</v>
      </c>
      <c r="G62" s="11" t="s">
        <v>45</v>
      </c>
      <c r="H62" s="16">
        <v>0.35539999999999994</v>
      </c>
      <c r="I62" s="11" t="s">
        <v>11</v>
      </c>
      <c r="J62" s="11" t="s">
        <v>11</v>
      </c>
      <c r="K62" s="11" t="s">
        <v>11</v>
      </c>
      <c r="L62" s="11" t="s">
        <v>14</v>
      </c>
    </row>
    <row r="63" spans="1:12" x14ac:dyDescent="0.25">
      <c r="A63" s="11" t="s">
        <v>893</v>
      </c>
      <c r="B63" s="11" t="s">
        <v>11</v>
      </c>
      <c r="C63" s="11" t="s">
        <v>12</v>
      </c>
      <c r="D63" s="11" t="s">
        <v>46</v>
      </c>
      <c r="E63" s="11" t="s">
        <v>11</v>
      </c>
      <c r="F63" s="11" t="s">
        <v>11</v>
      </c>
      <c r="G63" s="11" t="s">
        <v>45</v>
      </c>
      <c r="H63" s="16">
        <v>0.35539999999999994</v>
      </c>
      <c r="I63" s="11" t="s">
        <v>11</v>
      </c>
      <c r="J63" s="11" t="s">
        <v>11</v>
      </c>
      <c r="K63" s="11" t="s">
        <v>11</v>
      </c>
      <c r="L63" s="11" t="s">
        <v>14</v>
      </c>
    </row>
    <row r="64" spans="1:12" x14ac:dyDescent="0.25">
      <c r="A64" s="11" t="s">
        <v>894</v>
      </c>
      <c r="B64" s="11" t="s">
        <v>11</v>
      </c>
      <c r="C64" s="11" t="s">
        <v>12</v>
      </c>
      <c r="D64" s="11" t="s">
        <v>46</v>
      </c>
      <c r="E64" s="11" t="s">
        <v>11</v>
      </c>
      <c r="F64" s="11" t="s">
        <v>11</v>
      </c>
      <c r="G64" s="11" t="s">
        <v>45</v>
      </c>
      <c r="H64" s="16">
        <v>0.35539999999999994</v>
      </c>
      <c r="I64" s="11" t="s">
        <v>11</v>
      </c>
      <c r="J64" s="11" t="s">
        <v>11</v>
      </c>
      <c r="K64" s="11" t="s">
        <v>11</v>
      </c>
      <c r="L64" s="11" t="s">
        <v>14</v>
      </c>
    </row>
    <row r="65" spans="1:12" x14ac:dyDescent="0.25">
      <c r="A65" s="11" t="s">
        <v>895</v>
      </c>
      <c r="B65" s="11" t="s">
        <v>11</v>
      </c>
      <c r="C65" s="11" t="s">
        <v>12</v>
      </c>
      <c r="D65" s="11" t="s">
        <v>46</v>
      </c>
      <c r="E65" s="11" t="s">
        <v>11</v>
      </c>
      <c r="F65" s="11" t="s">
        <v>11</v>
      </c>
      <c r="G65" s="11" t="s">
        <v>45</v>
      </c>
      <c r="H65" s="16">
        <v>0.4121999999999999</v>
      </c>
      <c r="I65" s="11" t="s">
        <v>11</v>
      </c>
      <c r="J65" s="11" t="s">
        <v>11</v>
      </c>
      <c r="K65" s="11" t="s">
        <v>11</v>
      </c>
      <c r="L65" s="11" t="s">
        <v>14</v>
      </c>
    </row>
    <row r="66" spans="1:12" x14ac:dyDescent="0.25">
      <c r="A66" s="11" t="s">
        <v>896</v>
      </c>
      <c r="B66" s="11" t="s">
        <v>11</v>
      </c>
      <c r="C66" s="11" t="s">
        <v>12</v>
      </c>
      <c r="D66" s="11" t="s">
        <v>46</v>
      </c>
      <c r="E66" s="11" t="s">
        <v>217</v>
      </c>
      <c r="F66" s="11" t="s">
        <v>11</v>
      </c>
      <c r="G66" s="11" t="s">
        <v>45</v>
      </c>
      <c r="H66" s="16">
        <v>0.47259999999999991</v>
      </c>
      <c r="I66" s="11" t="s">
        <v>11</v>
      </c>
      <c r="J66" s="11" t="s">
        <v>11</v>
      </c>
      <c r="K66" s="11" t="s">
        <v>11</v>
      </c>
      <c r="L66" s="11" t="s">
        <v>14</v>
      </c>
    </row>
    <row r="67" spans="1:12" x14ac:dyDescent="0.25">
      <c r="A67" s="11" t="s">
        <v>897</v>
      </c>
      <c r="B67" s="11" t="s">
        <v>11</v>
      </c>
      <c r="C67" s="11" t="s">
        <v>12</v>
      </c>
      <c r="D67" s="11" t="s">
        <v>46</v>
      </c>
      <c r="E67" s="11" t="s">
        <v>11</v>
      </c>
      <c r="F67" s="11" t="s">
        <v>11</v>
      </c>
      <c r="G67" s="11" t="s">
        <v>45</v>
      </c>
      <c r="H67" s="16">
        <v>0.42799999999999994</v>
      </c>
      <c r="I67" s="11" t="s">
        <v>11</v>
      </c>
      <c r="J67" s="11" t="s">
        <v>11</v>
      </c>
      <c r="K67" s="11" t="s">
        <v>11</v>
      </c>
      <c r="L67" s="11" t="s">
        <v>14</v>
      </c>
    </row>
    <row r="68" spans="1:12" x14ac:dyDescent="0.25">
      <c r="A68" s="11" t="s">
        <v>898</v>
      </c>
      <c r="B68" s="11" t="s">
        <v>11</v>
      </c>
      <c r="C68" s="11" t="s">
        <v>12</v>
      </c>
      <c r="D68" s="11" t="s">
        <v>46</v>
      </c>
      <c r="E68" s="11" t="s">
        <v>217</v>
      </c>
      <c r="F68" s="11" t="s">
        <v>11</v>
      </c>
      <c r="G68" s="11" t="s">
        <v>45</v>
      </c>
      <c r="H68" s="16">
        <v>0.47259999999999991</v>
      </c>
      <c r="I68" s="11" t="s">
        <v>11</v>
      </c>
      <c r="J68" s="11" t="s">
        <v>11</v>
      </c>
      <c r="K68" s="11" t="s">
        <v>11</v>
      </c>
      <c r="L68" s="11" t="s">
        <v>14</v>
      </c>
    </row>
    <row r="69" spans="1:12" x14ac:dyDescent="0.25">
      <c r="A69" s="11" t="s">
        <v>899</v>
      </c>
      <c r="B69" s="11" t="s">
        <v>11</v>
      </c>
      <c r="C69" s="11" t="s">
        <v>12</v>
      </c>
      <c r="D69" s="11" t="s">
        <v>46</v>
      </c>
      <c r="E69" s="11" t="s">
        <v>217</v>
      </c>
      <c r="F69" s="11" t="s">
        <v>11</v>
      </c>
      <c r="G69" s="11" t="s">
        <v>45</v>
      </c>
      <c r="H69" s="16">
        <v>0.47259999999999991</v>
      </c>
      <c r="I69" s="11" t="s">
        <v>11</v>
      </c>
      <c r="J69" s="11" t="s">
        <v>11</v>
      </c>
      <c r="K69" s="11" t="s">
        <v>11</v>
      </c>
      <c r="L69" s="11" t="s">
        <v>14</v>
      </c>
    </row>
    <row r="70" spans="1:12" x14ac:dyDescent="0.25">
      <c r="A70" s="11" t="s">
        <v>900</v>
      </c>
      <c r="B70" s="11" t="s">
        <v>11</v>
      </c>
      <c r="C70" s="11" t="s">
        <v>12</v>
      </c>
      <c r="D70" s="11" t="s">
        <v>46</v>
      </c>
      <c r="E70" s="11" t="s">
        <v>11</v>
      </c>
      <c r="F70" s="11" t="s">
        <v>11</v>
      </c>
      <c r="G70" s="11" t="s">
        <v>45</v>
      </c>
      <c r="H70" s="16">
        <v>0.36240000000000006</v>
      </c>
      <c r="I70" s="11" t="s">
        <v>11</v>
      </c>
      <c r="J70" s="11" t="s">
        <v>11</v>
      </c>
      <c r="K70" s="11" t="s">
        <v>11</v>
      </c>
      <c r="L70" s="11" t="s">
        <v>14</v>
      </c>
    </row>
    <row r="71" spans="1:12" x14ac:dyDescent="0.25">
      <c r="A71" s="11" t="s">
        <v>901</v>
      </c>
      <c r="B71" s="11" t="s">
        <v>11</v>
      </c>
      <c r="C71" s="11" t="s">
        <v>12</v>
      </c>
      <c r="D71" s="11" t="s">
        <v>967</v>
      </c>
      <c r="E71" s="11" t="s">
        <v>11</v>
      </c>
      <c r="F71" s="11" t="s">
        <v>968</v>
      </c>
      <c r="G71" s="11" t="s">
        <v>45</v>
      </c>
      <c r="H71" s="16">
        <v>9.000000000000008E-2</v>
      </c>
      <c r="I71" s="11" t="s">
        <v>11</v>
      </c>
      <c r="J71" s="11" t="s">
        <v>11</v>
      </c>
      <c r="K71" s="11" t="s">
        <v>11</v>
      </c>
      <c r="L71" s="11" t="s">
        <v>14</v>
      </c>
    </row>
    <row r="72" spans="1:12" x14ac:dyDescent="0.25">
      <c r="A72" s="11" t="s">
        <v>902</v>
      </c>
      <c r="B72" s="11" t="s">
        <v>11</v>
      </c>
      <c r="C72" s="11" t="s">
        <v>12</v>
      </c>
      <c r="D72" s="11" t="s">
        <v>967</v>
      </c>
      <c r="E72" s="11" t="s">
        <v>11</v>
      </c>
      <c r="F72" s="11" t="s">
        <v>968</v>
      </c>
      <c r="G72" s="11" t="s">
        <v>45</v>
      </c>
      <c r="H72" s="16">
        <v>9.000000000000008E-2</v>
      </c>
      <c r="I72" s="11" t="s">
        <v>11</v>
      </c>
      <c r="J72" s="11" t="s">
        <v>11</v>
      </c>
      <c r="K72" s="11" t="s">
        <v>11</v>
      </c>
      <c r="L72" s="11" t="s">
        <v>14</v>
      </c>
    </row>
    <row r="73" spans="1:12" x14ac:dyDescent="0.25">
      <c r="A73" s="11" t="s">
        <v>903</v>
      </c>
      <c r="B73" s="11" t="s">
        <v>11</v>
      </c>
      <c r="C73" s="11" t="s">
        <v>12</v>
      </c>
      <c r="D73" s="11" t="s">
        <v>46</v>
      </c>
      <c r="E73" s="11" t="s">
        <v>11</v>
      </c>
      <c r="F73" s="11" t="s">
        <v>11</v>
      </c>
      <c r="G73" s="11" t="s">
        <v>45</v>
      </c>
      <c r="H73" s="16">
        <v>0.47259999999999991</v>
      </c>
      <c r="I73" s="11" t="s">
        <v>11</v>
      </c>
      <c r="J73" s="11" t="s">
        <v>11</v>
      </c>
      <c r="K73" s="11" t="s">
        <v>11</v>
      </c>
      <c r="L73" s="11" t="s">
        <v>14</v>
      </c>
    </row>
    <row r="74" spans="1:12" x14ac:dyDescent="0.25">
      <c r="A74" s="11" t="s">
        <v>904</v>
      </c>
      <c r="B74" s="11" t="s">
        <v>11</v>
      </c>
      <c r="C74" s="11" t="s">
        <v>12</v>
      </c>
      <c r="D74" s="11" t="s">
        <v>46</v>
      </c>
      <c r="E74" s="11" t="s">
        <v>11</v>
      </c>
      <c r="F74" s="11" t="s">
        <v>11</v>
      </c>
      <c r="G74" s="11" t="s">
        <v>45</v>
      </c>
      <c r="H74" s="16">
        <v>0.47259999999999991</v>
      </c>
      <c r="I74" s="11" t="s">
        <v>11</v>
      </c>
      <c r="J74" s="11" t="s">
        <v>11</v>
      </c>
      <c r="K74" s="11" t="s">
        <v>11</v>
      </c>
      <c r="L74" s="11" t="s">
        <v>14</v>
      </c>
    </row>
    <row r="75" spans="1:12" x14ac:dyDescent="0.25">
      <c r="A75" s="11" t="s">
        <v>905</v>
      </c>
      <c r="B75" s="11" t="s">
        <v>11</v>
      </c>
      <c r="C75" s="11" t="s">
        <v>12</v>
      </c>
      <c r="D75" s="11" t="s">
        <v>46</v>
      </c>
      <c r="E75" s="11" t="s">
        <v>217</v>
      </c>
      <c r="F75" s="11" t="s">
        <v>11</v>
      </c>
      <c r="G75" s="11" t="s">
        <v>45</v>
      </c>
      <c r="H75" s="16">
        <v>0.38329999999999997</v>
      </c>
      <c r="I75" s="11" t="s">
        <v>11</v>
      </c>
      <c r="J75" s="11" t="s">
        <v>11</v>
      </c>
      <c r="K75" s="11" t="s">
        <v>11</v>
      </c>
      <c r="L75" s="11" t="s">
        <v>14</v>
      </c>
    </row>
    <row r="76" spans="1:12" x14ac:dyDescent="0.25">
      <c r="A76" s="11" t="s">
        <v>906</v>
      </c>
      <c r="B76" s="11" t="s">
        <v>11</v>
      </c>
      <c r="C76" s="11" t="s">
        <v>12</v>
      </c>
      <c r="D76" s="11" t="s">
        <v>46</v>
      </c>
      <c r="E76" s="11" t="s">
        <v>217</v>
      </c>
      <c r="F76" s="11" t="s">
        <v>11</v>
      </c>
      <c r="G76" s="11" t="s">
        <v>45</v>
      </c>
      <c r="H76" s="16">
        <v>0.38329999999999997</v>
      </c>
      <c r="I76" s="11" t="s">
        <v>11</v>
      </c>
      <c r="J76" s="11" t="s">
        <v>11</v>
      </c>
      <c r="K76" s="11" t="s">
        <v>11</v>
      </c>
      <c r="L76" s="11" t="s">
        <v>14</v>
      </c>
    </row>
    <row r="77" spans="1:12" x14ac:dyDescent="0.25">
      <c r="A77" s="11" t="s">
        <v>907</v>
      </c>
      <c r="B77" s="11" t="s">
        <v>11</v>
      </c>
      <c r="C77" s="11" t="s">
        <v>12</v>
      </c>
      <c r="D77" s="11" t="s">
        <v>46</v>
      </c>
      <c r="E77" s="11" t="s">
        <v>217</v>
      </c>
      <c r="F77" s="11" t="s">
        <v>11</v>
      </c>
      <c r="G77" s="11" t="s">
        <v>45</v>
      </c>
      <c r="H77" s="16">
        <v>0.38329999999999997</v>
      </c>
      <c r="I77" s="11" t="s">
        <v>11</v>
      </c>
      <c r="J77" s="11" t="s">
        <v>11</v>
      </c>
      <c r="K77" s="11" t="s">
        <v>11</v>
      </c>
      <c r="L77" s="11" t="s">
        <v>14</v>
      </c>
    </row>
    <row r="78" spans="1:12" x14ac:dyDescent="0.25">
      <c r="A78" s="11" t="s">
        <v>908</v>
      </c>
      <c r="B78" s="11" t="s">
        <v>11</v>
      </c>
      <c r="C78" s="11" t="s">
        <v>12</v>
      </c>
      <c r="D78" s="11" t="s">
        <v>46</v>
      </c>
      <c r="E78" s="11" t="s">
        <v>217</v>
      </c>
      <c r="F78" s="11" t="s">
        <v>11</v>
      </c>
      <c r="G78" s="11" t="s">
        <v>45</v>
      </c>
      <c r="H78" s="16">
        <v>0.38329999999999997</v>
      </c>
      <c r="I78" s="11" t="s">
        <v>11</v>
      </c>
      <c r="J78" s="11" t="s">
        <v>11</v>
      </c>
      <c r="K78" s="11" t="s">
        <v>11</v>
      </c>
      <c r="L78" s="11" t="s">
        <v>14</v>
      </c>
    </row>
    <row r="79" spans="1:12" x14ac:dyDescent="0.25">
      <c r="A79" s="11" t="s">
        <v>909</v>
      </c>
      <c r="B79" s="11" t="s">
        <v>11</v>
      </c>
      <c r="C79" s="11" t="s">
        <v>12</v>
      </c>
      <c r="D79" s="11" t="s">
        <v>46</v>
      </c>
      <c r="E79" s="11" t="s">
        <v>217</v>
      </c>
      <c r="F79" s="11" t="s">
        <v>11</v>
      </c>
      <c r="G79" s="11" t="s">
        <v>45</v>
      </c>
      <c r="H79" s="16">
        <v>0.38329999999999997</v>
      </c>
      <c r="I79" s="11" t="s">
        <v>11</v>
      </c>
      <c r="J79" s="11" t="s">
        <v>11</v>
      </c>
      <c r="K79" s="11" t="s">
        <v>11</v>
      </c>
      <c r="L79" s="11" t="s">
        <v>14</v>
      </c>
    </row>
    <row r="80" spans="1:12" x14ac:dyDescent="0.25">
      <c r="A80" s="11" t="s">
        <v>910</v>
      </c>
      <c r="B80" s="11" t="s">
        <v>11</v>
      </c>
      <c r="C80" s="11" t="s">
        <v>12</v>
      </c>
      <c r="D80" s="11" t="s">
        <v>46</v>
      </c>
      <c r="E80" s="11" t="s">
        <v>217</v>
      </c>
      <c r="F80" s="11" t="s">
        <v>11</v>
      </c>
      <c r="G80" s="11" t="s">
        <v>45</v>
      </c>
      <c r="H80" s="16">
        <v>0.38329999999999997</v>
      </c>
      <c r="I80" s="11" t="s">
        <v>11</v>
      </c>
      <c r="J80" s="11" t="s">
        <v>11</v>
      </c>
      <c r="K80" s="11" t="s">
        <v>11</v>
      </c>
      <c r="L80" s="11" t="s">
        <v>14</v>
      </c>
    </row>
    <row r="81" spans="1:12" x14ac:dyDescent="0.25">
      <c r="A81" s="11" t="s">
        <v>911</v>
      </c>
      <c r="B81" s="11" t="s">
        <v>11</v>
      </c>
      <c r="C81" s="11" t="s">
        <v>12</v>
      </c>
      <c r="D81" s="11" t="s">
        <v>46</v>
      </c>
      <c r="E81" s="11" t="s">
        <v>217</v>
      </c>
      <c r="F81" s="11" t="s">
        <v>11</v>
      </c>
      <c r="G81" s="11" t="s">
        <v>45</v>
      </c>
      <c r="H81" s="16">
        <v>0.38329999999999997</v>
      </c>
      <c r="I81" s="11" t="s">
        <v>11</v>
      </c>
      <c r="J81" s="11" t="s">
        <v>11</v>
      </c>
      <c r="K81" s="11" t="s">
        <v>11</v>
      </c>
      <c r="L81" s="11" t="s">
        <v>14</v>
      </c>
    </row>
    <row r="82" spans="1:12" x14ac:dyDescent="0.25">
      <c r="A82" s="11" t="s">
        <v>912</v>
      </c>
      <c r="B82" s="11" t="s">
        <v>11</v>
      </c>
      <c r="C82" s="11" t="s">
        <v>12</v>
      </c>
      <c r="D82" s="11" t="s">
        <v>46</v>
      </c>
      <c r="E82" s="11" t="s">
        <v>217</v>
      </c>
      <c r="F82" s="11" t="s">
        <v>11</v>
      </c>
      <c r="G82" s="11" t="s">
        <v>45</v>
      </c>
      <c r="H82" s="16">
        <v>0.38329999999999997</v>
      </c>
      <c r="I82" s="11" t="s">
        <v>11</v>
      </c>
      <c r="J82" s="11" t="s">
        <v>11</v>
      </c>
      <c r="K82" s="11" t="s">
        <v>11</v>
      </c>
      <c r="L82" s="11" t="s">
        <v>14</v>
      </c>
    </row>
    <row r="83" spans="1:12" x14ac:dyDescent="0.25">
      <c r="A83" s="11" t="s">
        <v>913</v>
      </c>
      <c r="B83" s="11" t="s">
        <v>11</v>
      </c>
      <c r="C83" s="11" t="s">
        <v>12</v>
      </c>
      <c r="D83" s="11" t="s">
        <v>46</v>
      </c>
      <c r="E83" s="11" t="s">
        <v>11</v>
      </c>
      <c r="F83" s="11" t="s">
        <v>11</v>
      </c>
      <c r="G83" s="11" t="s">
        <v>45</v>
      </c>
      <c r="H83" s="16">
        <v>0.47259999999999991</v>
      </c>
      <c r="I83" s="11" t="s">
        <v>11</v>
      </c>
      <c r="J83" s="11" t="s">
        <v>11</v>
      </c>
      <c r="K83" s="11" t="s">
        <v>11</v>
      </c>
      <c r="L83" s="11" t="s">
        <v>14</v>
      </c>
    </row>
    <row r="84" spans="1:12" x14ac:dyDescent="0.25">
      <c r="A84" s="11" t="s">
        <v>914</v>
      </c>
      <c r="B84" s="11" t="s">
        <v>11</v>
      </c>
      <c r="C84" s="11" t="s">
        <v>12</v>
      </c>
      <c r="D84" s="11" t="s">
        <v>46</v>
      </c>
      <c r="E84" s="11" t="s">
        <v>11</v>
      </c>
      <c r="F84" s="11" t="s">
        <v>11</v>
      </c>
      <c r="G84" s="11" t="s">
        <v>45</v>
      </c>
      <c r="H84" s="16">
        <v>0.47259999999999991</v>
      </c>
      <c r="I84" s="11" t="s">
        <v>11</v>
      </c>
      <c r="J84" s="11" t="s">
        <v>11</v>
      </c>
      <c r="K84" s="11" t="s">
        <v>11</v>
      </c>
      <c r="L84" s="11" t="s">
        <v>14</v>
      </c>
    </row>
    <row r="85" spans="1:12" x14ac:dyDescent="0.25">
      <c r="A85" s="11" t="s">
        <v>915</v>
      </c>
      <c r="B85" s="11" t="s">
        <v>11</v>
      </c>
      <c r="C85" s="11" t="s">
        <v>12</v>
      </c>
      <c r="D85" s="11" t="s">
        <v>46</v>
      </c>
      <c r="E85" s="11" t="s">
        <v>11</v>
      </c>
      <c r="F85" s="11" t="s">
        <v>11</v>
      </c>
      <c r="G85" s="11" t="s">
        <v>45</v>
      </c>
      <c r="H85" s="16">
        <v>0.52770000000000006</v>
      </c>
      <c r="I85" s="11" t="s">
        <v>11</v>
      </c>
      <c r="J85" s="11" t="s">
        <v>11</v>
      </c>
      <c r="K85" s="11" t="s">
        <v>11</v>
      </c>
      <c r="L85" s="11" t="s">
        <v>14</v>
      </c>
    </row>
    <row r="86" spans="1:12" x14ac:dyDescent="0.25">
      <c r="A86" s="11" t="s">
        <v>916</v>
      </c>
      <c r="B86" s="11" t="s">
        <v>11</v>
      </c>
      <c r="C86" s="11" t="s">
        <v>12</v>
      </c>
      <c r="D86" s="11" t="s">
        <v>46</v>
      </c>
      <c r="E86" s="11" t="s">
        <v>11</v>
      </c>
      <c r="F86" s="11" t="s">
        <v>11</v>
      </c>
      <c r="G86" s="11" t="s">
        <v>45</v>
      </c>
      <c r="H86" s="16">
        <v>0.52770000000000006</v>
      </c>
      <c r="I86" s="11" t="s">
        <v>11</v>
      </c>
      <c r="J86" s="11" t="s">
        <v>11</v>
      </c>
      <c r="K86" s="11" t="s">
        <v>11</v>
      </c>
      <c r="L86" s="11" t="s">
        <v>14</v>
      </c>
    </row>
    <row r="87" spans="1:12" x14ac:dyDescent="0.25">
      <c r="A87" s="11" t="s">
        <v>917</v>
      </c>
      <c r="B87" s="11" t="s">
        <v>11</v>
      </c>
      <c r="C87" s="11" t="s">
        <v>12</v>
      </c>
      <c r="D87" s="11" t="s">
        <v>46</v>
      </c>
      <c r="E87" s="11" t="s">
        <v>11</v>
      </c>
      <c r="F87" s="11" t="s">
        <v>11</v>
      </c>
      <c r="G87" s="11" t="s">
        <v>45</v>
      </c>
      <c r="H87" s="16">
        <v>0.39219999999999988</v>
      </c>
      <c r="I87" s="11" t="s">
        <v>11</v>
      </c>
      <c r="J87" s="11" t="s">
        <v>11</v>
      </c>
      <c r="K87" s="11" t="s">
        <v>11</v>
      </c>
      <c r="L87" s="11" t="s">
        <v>14</v>
      </c>
    </row>
    <row r="88" spans="1:12" x14ac:dyDescent="0.25">
      <c r="A88" s="11" t="s">
        <v>918</v>
      </c>
      <c r="B88" s="11" t="s">
        <v>11</v>
      </c>
      <c r="C88" s="11" t="s">
        <v>12</v>
      </c>
      <c r="D88" s="11" t="s">
        <v>46</v>
      </c>
      <c r="E88" s="11" t="s">
        <v>11</v>
      </c>
      <c r="F88" s="11" t="s">
        <v>11</v>
      </c>
      <c r="G88" s="11" t="s">
        <v>45</v>
      </c>
      <c r="H88" s="16">
        <v>0.33539999999999992</v>
      </c>
      <c r="I88" s="11" t="s">
        <v>11</v>
      </c>
      <c r="J88" s="11" t="s">
        <v>11</v>
      </c>
      <c r="K88" s="11" t="s">
        <v>11</v>
      </c>
      <c r="L88" s="11" t="s">
        <v>14</v>
      </c>
    </row>
    <row r="89" spans="1:12" x14ac:dyDescent="0.25">
      <c r="A89" s="11" t="s">
        <v>919</v>
      </c>
      <c r="B89" s="11" t="s">
        <v>11</v>
      </c>
      <c r="C89" s="11" t="s">
        <v>12</v>
      </c>
      <c r="D89" s="11" t="s">
        <v>46</v>
      </c>
      <c r="E89" s="11" t="s">
        <v>11</v>
      </c>
      <c r="F89" s="11" t="s">
        <v>11</v>
      </c>
      <c r="G89" s="11" t="s">
        <v>45</v>
      </c>
      <c r="H89" s="16">
        <v>0.5665</v>
      </c>
      <c r="I89" s="11" t="s">
        <v>11</v>
      </c>
      <c r="J89" s="11" t="s">
        <v>11</v>
      </c>
      <c r="K89" s="11" t="s">
        <v>11</v>
      </c>
      <c r="L89" s="11" t="s">
        <v>14</v>
      </c>
    </row>
    <row r="90" spans="1:12" x14ac:dyDescent="0.25">
      <c r="A90" s="11" t="s">
        <v>920</v>
      </c>
      <c r="B90" s="11" t="s">
        <v>11</v>
      </c>
      <c r="C90" s="11" t="s">
        <v>12</v>
      </c>
      <c r="D90" s="11" t="s">
        <v>46</v>
      </c>
      <c r="E90" s="11" t="s">
        <v>11</v>
      </c>
      <c r="F90" s="11" t="s">
        <v>11</v>
      </c>
      <c r="G90" s="11" t="s">
        <v>45</v>
      </c>
      <c r="H90" s="16">
        <v>0.36359999999999992</v>
      </c>
      <c r="I90" s="11" t="s">
        <v>11</v>
      </c>
      <c r="J90" s="11" t="s">
        <v>11</v>
      </c>
      <c r="K90" s="11" t="s">
        <v>11</v>
      </c>
      <c r="L90" s="11" t="s">
        <v>14</v>
      </c>
    </row>
    <row r="91" spans="1:12" x14ac:dyDescent="0.25">
      <c r="A91" s="11" t="s">
        <v>921</v>
      </c>
      <c r="B91" s="11" t="s">
        <v>11</v>
      </c>
      <c r="C91" s="11" t="s">
        <v>12</v>
      </c>
      <c r="D91" s="11" t="s">
        <v>46</v>
      </c>
      <c r="E91" s="11" t="s">
        <v>11</v>
      </c>
      <c r="F91" s="11" t="s">
        <v>11</v>
      </c>
      <c r="G91" s="11" t="s">
        <v>45</v>
      </c>
      <c r="H91" s="16">
        <v>0.36739999999999995</v>
      </c>
      <c r="I91" s="11" t="s">
        <v>11</v>
      </c>
      <c r="J91" s="11" t="s">
        <v>11</v>
      </c>
      <c r="K91" s="11" t="s">
        <v>11</v>
      </c>
      <c r="L91" s="11" t="s">
        <v>14</v>
      </c>
    </row>
    <row r="92" spans="1:12" x14ac:dyDescent="0.25">
      <c r="A92" s="11" t="s">
        <v>922</v>
      </c>
      <c r="B92" s="11" t="s">
        <v>11</v>
      </c>
      <c r="C92" s="11" t="s">
        <v>12</v>
      </c>
      <c r="D92" s="11" t="s">
        <v>46</v>
      </c>
      <c r="E92" s="11" t="s">
        <v>11</v>
      </c>
      <c r="F92" s="11" t="s">
        <v>11</v>
      </c>
      <c r="G92" s="11" t="s">
        <v>45</v>
      </c>
      <c r="H92" s="16">
        <v>0.39870000000000005</v>
      </c>
      <c r="I92" s="11" t="s">
        <v>11</v>
      </c>
      <c r="J92" s="11" t="s">
        <v>11</v>
      </c>
      <c r="K92" s="11" t="s">
        <v>11</v>
      </c>
      <c r="L92" s="11" t="s">
        <v>14</v>
      </c>
    </row>
    <row r="93" spans="1:12" x14ac:dyDescent="0.25">
      <c r="A93" s="11" t="s">
        <v>923</v>
      </c>
      <c r="B93" s="11" t="s">
        <v>11</v>
      </c>
      <c r="C93" s="11" t="s">
        <v>12</v>
      </c>
      <c r="D93" s="11" t="s">
        <v>46</v>
      </c>
      <c r="E93" s="11" t="s">
        <v>11</v>
      </c>
      <c r="F93" s="11" t="s">
        <v>11</v>
      </c>
      <c r="G93" s="11" t="s">
        <v>45</v>
      </c>
      <c r="H93" s="16">
        <v>0.4907999999999999</v>
      </c>
      <c r="I93" s="11" t="s">
        <v>11</v>
      </c>
      <c r="J93" s="11" t="s">
        <v>11</v>
      </c>
      <c r="K93" s="11" t="s">
        <v>11</v>
      </c>
      <c r="L93" s="11" t="s">
        <v>14</v>
      </c>
    </row>
    <row r="94" spans="1:12" x14ac:dyDescent="0.25">
      <c r="A94" s="11" t="s">
        <v>924</v>
      </c>
      <c r="B94" s="11" t="s">
        <v>11</v>
      </c>
      <c r="C94" s="11" t="s">
        <v>12</v>
      </c>
      <c r="D94" s="11" t="s">
        <v>46</v>
      </c>
      <c r="E94" s="11" t="s">
        <v>11</v>
      </c>
      <c r="F94" s="11" t="s">
        <v>11</v>
      </c>
      <c r="G94" s="11" t="s">
        <v>45</v>
      </c>
      <c r="H94" s="16">
        <v>0.44399999999999995</v>
      </c>
      <c r="I94" s="11" t="s">
        <v>11</v>
      </c>
      <c r="J94" s="11" t="s">
        <v>11</v>
      </c>
      <c r="K94" s="11" t="s">
        <v>11</v>
      </c>
      <c r="L94" s="11" t="s">
        <v>14</v>
      </c>
    </row>
    <row r="95" spans="1:12" x14ac:dyDescent="0.25">
      <c r="A95" s="11" t="s">
        <v>925</v>
      </c>
      <c r="B95" s="11" t="s">
        <v>11</v>
      </c>
      <c r="C95" s="11" t="s">
        <v>12</v>
      </c>
      <c r="D95" s="11" t="s">
        <v>46</v>
      </c>
      <c r="E95" s="11" t="s">
        <v>11</v>
      </c>
      <c r="F95" s="11" t="s">
        <v>11</v>
      </c>
      <c r="G95" s="11" t="s">
        <v>45</v>
      </c>
      <c r="H95" s="16">
        <v>0.5665</v>
      </c>
      <c r="I95" s="11" t="s">
        <v>11</v>
      </c>
      <c r="J95" s="11" t="s">
        <v>11</v>
      </c>
      <c r="K95" s="11" t="s">
        <v>11</v>
      </c>
      <c r="L95" s="11" t="s">
        <v>14</v>
      </c>
    </row>
    <row r="96" spans="1:12" x14ac:dyDescent="0.25">
      <c r="A96" s="11" t="s">
        <v>926</v>
      </c>
      <c r="B96" s="11" t="s">
        <v>11</v>
      </c>
      <c r="C96" s="11" t="s">
        <v>12</v>
      </c>
      <c r="D96" s="11" t="s">
        <v>46</v>
      </c>
      <c r="E96" s="11" t="s">
        <v>11</v>
      </c>
      <c r="F96" s="11" t="s">
        <v>11</v>
      </c>
      <c r="G96" s="11" t="s">
        <v>45</v>
      </c>
      <c r="H96" s="16">
        <v>0.42799999999999994</v>
      </c>
      <c r="I96" s="11" t="s">
        <v>11</v>
      </c>
      <c r="J96" s="11" t="s">
        <v>11</v>
      </c>
      <c r="K96" s="11" t="s">
        <v>11</v>
      </c>
      <c r="L96" s="11" t="s">
        <v>14</v>
      </c>
    </row>
    <row r="97" spans="1:12" x14ac:dyDescent="0.25">
      <c r="A97" s="11" t="s">
        <v>927</v>
      </c>
      <c r="B97" s="11" t="s">
        <v>11</v>
      </c>
      <c r="C97" s="11" t="s">
        <v>12</v>
      </c>
      <c r="D97" s="11" t="s">
        <v>46</v>
      </c>
      <c r="E97" s="11" t="s">
        <v>217</v>
      </c>
      <c r="F97" s="11" t="s">
        <v>11</v>
      </c>
      <c r="G97" s="11" t="s">
        <v>45</v>
      </c>
      <c r="H97" s="16">
        <v>0.51719999999999988</v>
      </c>
      <c r="I97" s="11" t="s">
        <v>11</v>
      </c>
      <c r="J97" s="11" t="s">
        <v>11</v>
      </c>
      <c r="K97" s="11" t="s">
        <v>11</v>
      </c>
      <c r="L97" s="11" t="s">
        <v>14</v>
      </c>
    </row>
    <row r="98" spans="1:12" x14ac:dyDescent="0.25">
      <c r="A98" s="11" t="s">
        <v>928</v>
      </c>
      <c r="B98" s="11" t="s">
        <v>11</v>
      </c>
      <c r="C98" s="11" t="s">
        <v>12</v>
      </c>
      <c r="D98" s="11" t="s">
        <v>46</v>
      </c>
      <c r="E98" s="11" t="s">
        <v>11</v>
      </c>
      <c r="F98" s="11" t="s">
        <v>11</v>
      </c>
      <c r="G98" s="11" t="s">
        <v>45</v>
      </c>
      <c r="H98" s="16">
        <v>0.47259999999999991</v>
      </c>
      <c r="I98" s="11" t="s">
        <v>11</v>
      </c>
      <c r="J98" s="11" t="s">
        <v>11</v>
      </c>
      <c r="K98" s="11" t="s">
        <v>11</v>
      </c>
      <c r="L98" s="11" t="s">
        <v>14</v>
      </c>
    </row>
    <row r="99" spans="1:12" x14ac:dyDescent="0.25">
      <c r="A99" s="11" t="s">
        <v>929</v>
      </c>
      <c r="B99" s="11" t="s">
        <v>11</v>
      </c>
      <c r="C99" s="11" t="s">
        <v>12</v>
      </c>
      <c r="D99" s="11" t="s">
        <v>46</v>
      </c>
      <c r="E99" s="11" t="s">
        <v>217</v>
      </c>
      <c r="F99" s="11" t="s">
        <v>11</v>
      </c>
      <c r="G99" s="11" t="s">
        <v>45</v>
      </c>
      <c r="H99" s="16">
        <v>0.47259999999999991</v>
      </c>
      <c r="I99" s="11" t="s">
        <v>11</v>
      </c>
      <c r="J99" s="11" t="s">
        <v>11</v>
      </c>
      <c r="K99" s="11" t="s">
        <v>11</v>
      </c>
      <c r="L99" s="11" t="s">
        <v>14</v>
      </c>
    </row>
    <row r="100" spans="1:12" x14ac:dyDescent="0.25">
      <c r="A100" s="11" t="s">
        <v>930</v>
      </c>
      <c r="B100" s="11" t="s">
        <v>11</v>
      </c>
      <c r="C100" s="11" t="s">
        <v>12</v>
      </c>
      <c r="D100" s="11" t="s">
        <v>46</v>
      </c>
      <c r="E100" s="11" t="s">
        <v>11</v>
      </c>
      <c r="F100" s="11" t="s">
        <v>11</v>
      </c>
      <c r="G100" s="11" t="s">
        <v>45</v>
      </c>
      <c r="H100" s="16">
        <v>0.47259999999999991</v>
      </c>
      <c r="I100" s="11" t="s">
        <v>11</v>
      </c>
      <c r="J100" s="11" t="s">
        <v>11</v>
      </c>
      <c r="K100" s="11" t="s">
        <v>11</v>
      </c>
      <c r="L100" s="11" t="s">
        <v>14</v>
      </c>
    </row>
    <row r="101" spans="1:12" x14ac:dyDescent="0.25">
      <c r="A101" s="11" t="s">
        <v>931</v>
      </c>
      <c r="B101" s="11" t="s">
        <v>11</v>
      </c>
      <c r="C101" s="11" t="s">
        <v>12</v>
      </c>
      <c r="D101" s="11" t="s">
        <v>46</v>
      </c>
      <c r="E101" s="11" t="s">
        <v>217</v>
      </c>
      <c r="F101" s="11" t="s">
        <v>11</v>
      </c>
      <c r="G101" s="11" t="s">
        <v>45</v>
      </c>
      <c r="H101" s="16">
        <v>0.42799999999999994</v>
      </c>
      <c r="I101" s="11" t="s">
        <v>11</v>
      </c>
      <c r="J101" s="11" t="s">
        <v>11</v>
      </c>
      <c r="K101" s="11" t="s">
        <v>11</v>
      </c>
      <c r="L101" s="11" t="s">
        <v>14</v>
      </c>
    </row>
    <row r="102" spans="1:12" x14ac:dyDescent="0.25">
      <c r="A102" s="11" t="s">
        <v>932</v>
      </c>
      <c r="B102" s="11" t="s">
        <v>11</v>
      </c>
      <c r="C102" s="11" t="s">
        <v>12</v>
      </c>
      <c r="D102" s="11" t="s">
        <v>46</v>
      </c>
      <c r="E102" s="11" t="s">
        <v>217</v>
      </c>
      <c r="F102" s="11" t="s">
        <v>11</v>
      </c>
      <c r="G102" s="11" t="s">
        <v>45</v>
      </c>
      <c r="H102" s="16">
        <v>0.42799999999999994</v>
      </c>
      <c r="I102" s="11" t="s">
        <v>11</v>
      </c>
      <c r="J102" s="11" t="s">
        <v>11</v>
      </c>
      <c r="K102" s="11" t="s">
        <v>11</v>
      </c>
      <c r="L102" s="11" t="s">
        <v>14</v>
      </c>
    </row>
    <row r="103" spans="1:12" x14ac:dyDescent="0.25">
      <c r="A103" s="11" t="s">
        <v>933</v>
      </c>
      <c r="B103" s="11" t="s">
        <v>11</v>
      </c>
      <c r="C103" s="11" t="s">
        <v>12</v>
      </c>
      <c r="D103" s="11" t="s">
        <v>46</v>
      </c>
      <c r="E103" s="11" t="s">
        <v>217</v>
      </c>
      <c r="F103" s="11" t="s">
        <v>11</v>
      </c>
      <c r="G103" s="11" t="s">
        <v>45</v>
      </c>
      <c r="H103" s="16">
        <v>0.42799999999999994</v>
      </c>
      <c r="I103" s="11" t="s">
        <v>11</v>
      </c>
      <c r="J103" s="11" t="s">
        <v>11</v>
      </c>
      <c r="K103" s="11" t="s">
        <v>11</v>
      </c>
      <c r="L103" s="11" t="s">
        <v>14</v>
      </c>
    </row>
    <row r="104" spans="1:12" x14ac:dyDescent="0.25">
      <c r="A104" s="11" t="s">
        <v>934</v>
      </c>
      <c r="B104" s="11" t="s">
        <v>11</v>
      </c>
      <c r="C104" s="11" t="s">
        <v>12</v>
      </c>
      <c r="D104" s="11" t="s">
        <v>46</v>
      </c>
      <c r="E104" s="11" t="s">
        <v>217</v>
      </c>
      <c r="F104" s="11" t="s">
        <v>11</v>
      </c>
      <c r="G104" s="11" t="s">
        <v>45</v>
      </c>
      <c r="H104" s="16">
        <v>0.42799999999999994</v>
      </c>
      <c r="I104" s="11" t="s">
        <v>11</v>
      </c>
      <c r="J104" s="11" t="s">
        <v>11</v>
      </c>
      <c r="K104" s="11" t="s">
        <v>11</v>
      </c>
      <c r="L104" s="11" t="s">
        <v>14</v>
      </c>
    </row>
    <row r="105" spans="1:12" x14ac:dyDescent="0.25">
      <c r="A105" s="11" t="s">
        <v>935</v>
      </c>
      <c r="B105" s="11" t="s">
        <v>11</v>
      </c>
      <c r="C105" s="11" t="s">
        <v>12</v>
      </c>
      <c r="D105" s="11" t="s">
        <v>46</v>
      </c>
      <c r="E105" s="11" t="s">
        <v>217</v>
      </c>
      <c r="F105" s="11" t="s">
        <v>11</v>
      </c>
      <c r="G105" s="11" t="s">
        <v>45</v>
      </c>
      <c r="H105" s="16">
        <v>0.42799999999999994</v>
      </c>
      <c r="I105" s="11" t="s">
        <v>11</v>
      </c>
      <c r="J105" s="11" t="s">
        <v>11</v>
      </c>
      <c r="K105" s="11" t="s">
        <v>11</v>
      </c>
      <c r="L105" s="11" t="s">
        <v>14</v>
      </c>
    </row>
    <row r="106" spans="1:12" x14ac:dyDescent="0.25">
      <c r="A106" s="11" t="s">
        <v>936</v>
      </c>
      <c r="B106" s="11" t="s">
        <v>11</v>
      </c>
      <c r="C106" s="11" t="s">
        <v>12</v>
      </c>
      <c r="D106" s="11" t="s">
        <v>46</v>
      </c>
      <c r="E106" s="11" t="s">
        <v>217</v>
      </c>
      <c r="F106" s="11" t="s">
        <v>11</v>
      </c>
      <c r="G106" s="11" t="s">
        <v>45</v>
      </c>
      <c r="H106" s="16">
        <v>0.42799999999999994</v>
      </c>
      <c r="I106" s="11" t="s">
        <v>11</v>
      </c>
      <c r="J106" s="11" t="s">
        <v>11</v>
      </c>
      <c r="K106" s="11" t="s">
        <v>11</v>
      </c>
      <c r="L106" s="11" t="s">
        <v>14</v>
      </c>
    </row>
    <row r="107" spans="1:12" x14ac:dyDescent="0.25">
      <c r="A107" s="11" t="s">
        <v>937</v>
      </c>
      <c r="B107" s="11" t="s">
        <v>11</v>
      </c>
      <c r="C107" s="11" t="s">
        <v>12</v>
      </c>
      <c r="D107" s="11" t="s">
        <v>46</v>
      </c>
      <c r="E107" s="11" t="s">
        <v>217</v>
      </c>
      <c r="F107" s="11" t="s">
        <v>11</v>
      </c>
      <c r="G107" s="11" t="s">
        <v>45</v>
      </c>
      <c r="H107" s="16">
        <v>0.42799999999999994</v>
      </c>
      <c r="I107" s="11" t="s">
        <v>11</v>
      </c>
      <c r="J107" s="11" t="s">
        <v>11</v>
      </c>
      <c r="K107" s="11" t="s">
        <v>11</v>
      </c>
      <c r="L107" s="11" t="s">
        <v>14</v>
      </c>
    </row>
    <row r="108" spans="1:12" x14ac:dyDescent="0.25">
      <c r="A108" s="11" t="s">
        <v>938</v>
      </c>
      <c r="B108" s="11" t="s">
        <v>11</v>
      </c>
      <c r="C108" s="11" t="s">
        <v>12</v>
      </c>
      <c r="D108" s="11" t="s">
        <v>46</v>
      </c>
      <c r="E108" s="11" t="s">
        <v>217</v>
      </c>
      <c r="F108" s="11" t="s">
        <v>11</v>
      </c>
      <c r="G108" s="11" t="s">
        <v>45</v>
      </c>
      <c r="H108" s="16">
        <v>0.42799999999999994</v>
      </c>
      <c r="I108" s="11" t="s">
        <v>11</v>
      </c>
      <c r="J108" s="11" t="s">
        <v>11</v>
      </c>
      <c r="K108" s="11" t="s">
        <v>11</v>
      </c>
      <c r="L108" s="11" t="s">
        <v>14</v>
      </c>
    </row>
    <row r="109" spans="1:12" x14ac:dyDescent="0.25">
      <c r="A109" s="11" t="s">
        <v>939</v>
      </c>
      <c r="B109" s="11" t="s">
        <v>11</v>
      </c>
      <c r="C109" s="11" t="s">
        <v>12</v>
      </c>
      <c r="D109" s="11" t="s">
        <v>46</v>
      </c>
      <c r="E109" s="11" t="s">
        <v>11</v>
      </c>
      <c r="F109" s="11" t="s">
        <v>11</v>
      </c>
      <c r="G109" s="11" t="s">
        <v>45</v>
      </c>
      <c r="H109" s="16">
        <v>0.47259999999999991</v>
      </c>
      <c r="I109" s="11" t="s">
        <v>11</v>
      </c>
      <c r="J109" s="11" t="s">
        <v>11</v>
      </c>
      <c r="K109" s="11" t="s">
        <v>11</v>
      </c>
      <c r="L109" s="11" t="s">
        <v>14</v>
      </c>
    </row>
    <row r="110" spans="1:12" x14ac:dyDescent="0.25">
      <c r="A110" s="11" t="s">
        <v>940</v>
      </c>
      <c r="B110" s="11" t="s">
        <v>11</v>
      </c>
      <c r="C110" s="11" t="s">
        <v>12</v>
      </c>
      <c r="D110" s="11" t="s">
        <v>46</v>
      </c>
      <c r="E110" s="11" t="s">
        <v>217</v>
      </c>
      <c r="F110" s="11" t="s">
        <v>11</v>
      </c>
      <c r="G110" s="11" t="s">
        <v>45</v>
      </c>
      <c r="H110" s="16">
        <v>0.37999999999999989</v>
      </c>
      <c r="I110" s="11" t="s">
        <v>11</v>
      </c>
      <c r="J110" s="11" t="s">
        <v>11</v>
      </c>
      <c r="K110" s="11" t="s">
        <v>11</v>
      </c>
      <c r="L110" s="11" t="s">
        <v>14</v>
      </c>
    </row>
    <row r="111" spans="1:12" x14ac:dyDescent="0.25">
      <c r="A111" s="11" t="s">
        <v>941</v>
      </c>
      <c r="B111" s="11" t="s">
        <v>11</v>
      </c>
      <c r="C111" s="11" t="s">
        <v>12</v>
      </c>
      <c r="D111" s="11" t="s">
        <v>46</v>
      </c>
      <c r="E111" s="11" t="s">
        <v>11</v>
      </c>
      <c r="F111" s="11" t="s">
        <v>11</v>
      </c>
      <c r="G111" s="11" t="s">
        <v>45</v>
      </c>
      <c r="H111" s="16">
        <v>0.3395999999999999</v>
      </c>
      <c r="I111" s="11" t="s">
        <v>11</v>
      </c>
      <c r="J111" s="11" t="s">
        <v>11</v>
      </c>
      <c r="K111" s="11" t="s">
        <v>11</v>
      </c>
      <c r="L111" s="11" t="s">
        <v>14</v>
      </c>
    </row>
    <row r="112" spans="1:12" x14ac:dyDescent="0.25">
      <c r="A112" s="11" t="s">
        <v>942</v>
      </c>
      <c r="B112" s="11" t="s">
        <v>11</v>
      </c>
      <c r="C112" s="11" t="s">
        <v>12</v>
      </c>
      <c r="D112" s="11" t="s">
        <v>46</v>
      </c>
      <c r="E112" s="11" t="s">
        <v>217</v>
      </c>
      <c r="F112" s="11" t="s">
        <v>11</v>
      </c>
      <c r="G112" s="11" t="s">
        <v>45</v>
      </c>
      <c r="H112" s="16">
        <v>0.47259999999999991</v>
      </c>
      <c r="I112" s="11" t="s">
        <v>11</v>
      </c>
      <c r="J112" s="11" t="s">
        <v>11</v>
      </c>
      <c r="K112" s="11" t="s">
        <v>11</v>
      </c>
      <c r="L112" s="11" t="s">
        <v>14</v>
      </c>
    </row>
    <row r="113" spans="1:12" x14ac:dyDescent="0.25">
      <c r="A113" s="11" t="s">
        <v>943</v>
      </c>
      <c r="B113" s="11" t="s">
        <v>11</v>
      </c>
      <c r="C113" s="11" t="s">
        <v>12</v>
      </c>
      <c r="D113" s="11" t="s">
        <v>46</v>
      </c>
      <c r="E113" s="11" t="s">
        <v>217</v>
      </c>
      <c r="F113" s="11" t="s">
        <v>11</v>
      </c>
      <c r="G113" s="11" t="s">
        <v>45</v>
      </c>
      <c r="H113" s="16">
        <v>0.47259999999999991</v>
      </c>
      <c r="I113" s="11" t="s">
        <v>11</v>
      </c>
      <c r="J113" s="11" t="s">
        <v>11</v>
      </c>
      <c r="K113" s="11" t="s">
        <v>11</v>
      </c>
      <c r="L113" s="11" t="s">
        <v>14</v>
      </c>
    </row>
    <row r="114" spans="1:12" x14ac:dyDescent="0.25">
      <c r="A114" s="11" t="s">
        <v>944</v>
      </c>
      <c r="B114" s="11" t="s">
        <v>11</v>
      </c>
      <c r="C114" s="11" t="s">
        <v>12</v>
      </c>
      <c r="D114" s="11" t="s">
        <v>46</v>
      </c>
      <c r="E114" s="11" t="s">
        <v>217</v>
      </c>
      <c r="F114" s="11" t="s">
        <v>11</v>
      </c>
      <c r="G114" s="11" t="s">
        <v>45</v>
      </c>
      <c r="H114" s="16">
        <v>0.47259999999999991</v>
      </c>
      <c r="I114" s="11" t="s">
        <v>11</v>
      </c>
      <c r="J114" s="11" t="s">
        <v>11</v>
      </c>
      <c r="K114" s="11" t="s">
        <v>11</v>
      </c>
      <c r="L114" s="11" t="s">
        <v>14</v>
      </c>
    </row>
    <row r="115" spans="1:12" x14ac:dyDescent="0.25">
      <c r="A115" s="11" t="s">
        <v>945</v>
      </c>
      <c r="B115" s="11" t="s">
        <v>11</v>
      </c>
      <c r="C115" s="11" t="s">
        <v>12</v>
      </c>
      <c r="D115" s="11" t="s">
        <v>46</v>
      </c>
      <c r="E115" s="11" t="s">
        <v>11</v>
      </c>
      <c r="F115" s="11" t="s">
        <v>11</v>
      </c>
      <c r="G115" s="11" t="s">
        <v>45</v>
      </c>
      <c r="H115" s="16">
        <v>0.36070000000000002</v>
      </c>
      <c r="I115" s="11" t="s">
        <v>11</v>
      </c>
      <c r="J115" s="11" t="s">
        <v>11</v>
      </c>
      <c r="K115" s="11" t="s">
        <v>11</v>
      </c>
      <c r="L115" s="11" t="s">
        <v>14</v>
      </c>
    </row>
    <row r="116" spans="1:12" x14ac:dyDescent="0.25">
      <c r="A116" s="11" t="s">
        <v>946</v>
      </c>
      <c r="B116" s="11" t="s">
        <v>11</v>
      </c>
      <c r="C116" s="11" t="s">
        <v>12</v>
      </c>
      <c r="D116" s="11" t="s">
        <v>46</v>
      </c>
      <c r="E116" s="11" t="s">
        <v>217</v>
      </c>
      <c r="F116" s="11" t="s">
        <v>11</v>
      </c>
      <c r="G116" s="11" t="s">
        <v>45</v>
      </c>
      <c r="H116" s="16">
        <v>0.42799999999999994</v>
      </c>
      <c r="I116" s="11" t="s">
        <v>11</v>
      </c>
      <c r="J116" s="11" t="s">
        <v>11</v>
      </c>
      <c r="K116" s="11" t="s">
        <v>11</v>
      </c>
      <c r="L116" s="11" t="s">
        <v>14</v>
      </c>
    </row>
    <row r="117" spans="1:12" x14ac:dyDescent="0.25">
      <c r="A117" s="11" t="s">
        <v>947</v>
      </c>
      <c r="B117" s="11" t="s">
        <v>11</v>
      </c>
      <c r="C117" s="11" t="s">
        <v>12</v>
      </c>
      <c r="D117" s="11" t="s">
        <v>46</v>
      </c>
      <c r="E117" s="11" t="s">
        <v>11</v>
      </c>
      <c r="F117" s="11" t="s">
        <v>11</v>
      </c>
      <c r="G117" s="11" t="s">
        <v>45</v>
      </c>
      <c r="H117" s="16">
        <v>0.60309999999999997</v>
      </c>
      <c r="I117" s="11" t="s">
        <v>11</v>
      </c>
      <c r="J117" s="11" t="s">
        <v>11</v>
      </c>
      <c r="K117" s="11" t="s">
        <v>11</v>
      </c>
      <c r="L117" s="11" t="s">
        <v>14</v>
      </c>
    </row>
    <row r="118" spans="1:12" x14ac:dyDescent="0.25">
      <c r="A118" s="11" t="s">
        <v>948</v>
      </c>
      <c r="B118" s="11" t="s">
        <v>11</v>
      </c>
      <c r="C118" s="11" t="s">
        <v>12</v>
      </c>
      <c r="D118" s="11" t="s">
        <v>46</v>
      </c>
      <c r="E118" s="11" t="s">
        <v>217</v>
      </c>
      <c r="F118" s="11" t="s">
        <v>11</v>
      </c>
      <c r="G118" s="11" t="s">
        <v>45</v>
      </c>
      <c r="H118" s="16">
        <v>0.42799999999999994</v>
      </c>
      <c r="I118" s="11" t="s">
        <v>11</v>
      </c>
      <c r="J118" s="11" t="s">
        <v>11</v>
      </c>
      <c r="K118" s="11" t="s">
        <v>11</v>
      </c>
      <c r="L118" s="11" t="s">
        <v>14</v>
      </c>
    </row>
    <row r="119" spans="1:12" x14ac:dyDescent="0.25">
      <c r="A119" s="11" t="s">
        <v>949</v>
      </c>
      <c r="B119" s="11" t="s">
        <v>11</v>
      </c>
      <c r="C119" s="11" t="s">
        <v>12</v>
      </c>
      <c r="D119" s="11" t="s">
        <v>46</v>
      </c>
      <c r="E119" s="11" t="s">
        <v>11</v>
      </c>
      <c r="F119" s="11" t="s">
        <v>11</v>
      </c>
      <c r="G119" s="11" t="s">
        <v>45</v>
      </c>
      <c r="H119" s="16">
        <v>0.30000000000000004</v>
      </c>
      <c r="I119" s="11" t="s">
        <v>11</v>
      </c>
      <c r="J119" s="11" t="s">
        <v>11</v>
      </c>
      <c r="K119" s="11" t="s">
        <v>11</v>
      </c>
      <c r="L119" s="11" t="s">
        <v>14</v>
      </c>
    </row>
    <row r="120" spans="1:12" x14ac:dyDescent="0.25">
      <c r="A120" s="11" t="s">
        <v>950</v>
      </c>
      <c r="B120" s="11" t="s">
        <v>11</v>
      </c>
      <c r="C120" s="11" t="s">
        <v>12</v>
      </c>
      <c r="D120" s="11" t="s">
        <v>46</v>
      </c>
      <c r="E120" s="11" t="s">
        <v>11</v>
      </c>
      <c r="F120" s="11" t="s">
        <v>11</v>
      </c>
      <c r="G120" s="11" t="s">
        <v>45</v>
      </c>
      <c r="H120" s="16">
        <v>0.41900000000000004</v>
      </c>
      <c r="I120" s="11" t="s">
        <v>11</v>
      </c>
      <c r="J120" s="11" t="s">
        <v>11</v>
      </c>
      <c r="K120" s="11" t="s">
        <v>11</v>
      </c>
      <c r="L120" s="11" t="s">
        <v>14</v>
      </c>
    </row>
    <row r="121" spans="1:12" x14ac:dyDescent="0.25">
      <c r="A121" s="11" t="s">
        <v>951</v>
      </c>
      <c r="B121" s="11" t="s">
        <v>11</v>
      </c>
      <c r="C121" s="11" t="s">
        <v>12</v>
      </c>
      <c r="D121" s="11" t="s">
        <v>46</v>
      </c>
      <c r="E121" s="11" t="s">
        <v>217</v>
      </c>
      <c r="F121" s="11" t="s">
        <v>11</v>
      </c>
      <c r="G121" s="11" t="s">
        <v>45</v>
      </c>
      <c r="H121" s="16">
        <v>0.37999999999999989</v>
      </c>
      <c r="I121" s="11" t="s">
        <v>11</v>
      </c>
      <c r="J121" s="11" t="s">
        <v>11</v>
      </c>
      <c r="K121" s="11" t="s">
        <v>11</v>
      </c>
      <c r="L121" s="11" t="s">
        <v>14</v>
      </c>
    </row>
    <row r="122" spans="1:12" x14ac:dyDescent="0.25">
      <c r="A122" s="11" t="s">
        <v>952</v>
      </c>
      <c r="B122" s="11" t="s">
        <v>11</v>
      </c>
      <c r="C122" s="11" t="s">
        <v>12</v>
      </c>
      <c r="D122" s="11" t="s">
        <v>46</v>
      </c>
      <c r="E122" s="11" t="s">
        <v>11</v>
      </c>
      <c r="F122" s="11" t="s">
        <v>11</v>
      </c>
      <c r="G122" s="11" t="s">
        <v>45</v>
      </c>
      <c r="H122" s="16">
        <v>0.37999999999999989</v>
      </c>
      <c r="I122" s="11" t="s">
        <v>11</v>
      </c>
      <c r="J122" s="11" t="s">
        <v>11</v>
      </c>
      <c r="K122" s="11" t="s">
        <v>11</v>
      </c>
      <c r="L122" s="11" t="s">
        <v>14</v>
      </c>
    </row>
    <row r="123" spans="1:12" x14ac:dyDescent="0.25">
      <c r="A123" s="11" t="s">
        <v>953</v>
      </c>
      <c r="B123" s="11" t="s">
        <v>11</v>
      </c>
      <c r="C123" s="11" t="s">
        <v>12</v>
      </c>
      <c r="D123" s="11" t="s">
        <v>46</v>
      </c>
      <c r="E123" s="11" t="s">
        <v>217</v>
      </c>
      <c r="F123" s="11" t="s">
        <v>11</v>
      </c>
      <c r="G123" s="11" t="s">
        <v>45</v>
      </c>
      <c r="H123" s="16">
        <v>0.37999999999999989</v>
      </c>
      <c r="I123" s="11" t="s">
        <v>11</v>
      </c>
      <c r="J123" s="11" t="s">
        <v>11</v>
      </c>
      <c r="K123" s="11" t="s">
        <v>11</v>
      </c>
      <c r="L123" s="11" t="s">
        <v>14</v>
      </c>
    </row>
    <row r="124" spans="1:12" x14ac:dyDescent="0.25">
      <c r="A124" s="11" t="s">
        <v>954</v>
      </c>
      <c r="B124" s="11" t="s">
        <v>11</v>
      </c>
      <c r="C124" s="11" t="s">
        <v>12</v>
      </c>
      <c r="D124" s="11" t="s">
        <v>46</v>
      </c>
      <c r="E124" s="11" t="s">
        <v>217</v>
      </c>
      <c r="F124" s="11" t="s">
        <v>11</v>
      </c>
      <c r="G124" s="11" t="s">
        <v>45</v>
      </c>
      <c r="H124" s="16">
        <v>0.37999999999999989</v>
      </c>
      <c r="I124" s="11" t="s">
        <v>11</v>
      </c>
      <c r="J124" s="11" t="s">
        <v>11</v>
      </c>
      <c r="K124" s="11" t="s">
        <v>11</v>
      </c>
      <c r="L124" s="11" t="s">
        <v>14</v>
      </c>
    </row>
    <row r="125" spans="1:12" x14ac:dyDescent="0.25">
      <c r="A125" s="11" t="s">
        <v>955</v>
      </c>
      <c r="B125" s="11" t="s">
        <v>11</v>
      </c>
      <c r="C125" s="11" t="s">
        <v>12</v>
      </c>
      <c r="D125" s="11" t="s">
        <v>46</v>
      </c>
      <c r="E125" s="11" t="s">
        <v>217</v>
      </c>
      <c r="F125" s="11" t="s">
        <v>11</v>
      </c>
      <c r="G125" s="11" t="s">
        <v>45</v>
      </c>
      <c r="H125" s="16">
        <v>0.37999999999999989</v>
      </c>
      <c r="I125" s="11" t="s">
        <v>11</v>
      </c>
      <c r="J125" s="11" t="s">
        <v>11</v>
      </c>
      <c r="K125" s="11" t="s">
        <v>11</v>
      </c>
      <c r="L125" s="11" t="s">
        <v>14</v>
      </c>
    </row>
    <row r="126" spans="1:12" x14ac:dyDescent="0.25">
      <c r="A126" s="11" t="s">
        <v>956</v>
      </c>
      <c r="B126" s="11" t="s">
        <v>11</v>
      </c>
      <c r="C126" s="11" t="s">
        <v>12</v>
      </c>
      <c r="D126" s="11" t="s">
        <v>46</v>
      </c>
      <c r="E126" s="11" t="s">
        <v>11</v>
      </c>
      <c r="F126" s="11" t="s">
        <v>11</v>
      </c>
      <c r="G126" s="11" t="s">
        <v>45</v>
      </c>
      <c r="H126" s="16">
        <v>0.37999999999999989</v>
      </c>
      <c r="I126" s="11" t="s">
        <v>11</v>
      </c>
      <c r="J126" s="11" t="s">
        <v>11</v>
      </c>
      <c r="K126" s="11" t="s">
        <v>11</v>
      </c>
      <c r="L126" s="11" t="s">
        <v>14</v>
      </c>
    </row>
    <row r="127" spans="1:12" x14ac:dyDescent="0.25">
      <c r="A127" s="11" t="s">
        <v>957</v>
      </c>
      <c r="B127" s="11" t="s">
        <v>11</v>
      </c>
      <c r="C127" s="11" t="s">
        <v>12</v>
      </c>
      <c r="D127" s="11" t="s">
        <v>46</v>
      </c>
      <c r="E127" s="11" t="s">
        <v>11</v>
      </c>
      <c r="F127" s="11" t="s">
        <v>11</v>
      </c>
      <c r="G127" s="11" t="s">
        <v>45</v>
      </c>
      <c r="H127" s="16">
        <v>0.37999999999999989</v>
      </c>
      <c r="I127" s="11" t="s">
        <v>11</v>
      </c>
      <c r="J127" s="11" t="s">
        <v>11</v>
      </c>
      <c r="K127" s="11" t="s">
        <v>11</v>
      </c>
      <c r="L127" s="11" t="s">
        <v>14</v>
      </c>
    </row>
    <row r="128" spans="1:12" x14ac:dyDescent="0.25">
      <c r="A128" s="11" t="s">
        <v>958</v>
      </c>
      <c r="B128" s="11" t="s">
        <v>11</v>
      </c>
      <c r="C128" s="11" t="s">
        <v>12</v>
      </c>
      <c r="D128" s="11" t="s">
        <v>46</v>
      </c>
      <c r="E128" s="11" t="s">
        <v>217</v>
      </c>
      <c r="F128" s="11" t="s">
        <v>11</v>
      </c>
      <c r="G128" s="11" t="s">
        <v>45</v>
      </c>
      <c r="H128" s="16">
        <v>0.37999999999999989</v>
      </c>
      <c r="I128" s="11" t="s">
        <v>11</v>
      </c>
      <c r="J128" s="11" t="s">
        <v>11</v>
      </c>
      <c r="K128" s="11" t="s">
        <v>11</v>
      </c>
      <c r="L128" s="11" t="s">
        <v>14</v>
      </c>
    </row>
    <row r="129" spans="1:12" x14ac:dyDescent="0.25">
      <c r="A129" s="11" t="s">
        <v>959</v>
      </c>
      <c r="B129" s="11" t="s">
        <v>11</v>
      </c>
      <c r="C129" s="11" t="s">
        <v>12</v>
      </c>
      <c r="D129" s="11" t="s">
        <v>46</v>
      </c>
      <c r="E129" s="11" t="s">
        <v>217</v>
      </c>
      <c r="F129" s="11" t="s">
        <v>11</v>
      </c>
      <c r="G129" s="11" t="s">
        <v>45</v>
      </c>
      <c r="H129" s="16">
        <v>0.37999999999999989</v>
      </c>
      <c r="I129" s="11" t="s">
        <v>11</v>
      </c>
      <c r="J129" s="11" t="s">
        <v>11</v>
      </c>
      <c r="K129" s="11" t="s">
        <v>11</v>
      </c>
      <c r="L129" s="11" t="s">
        <v>14</v>
      </c>
    </row>
    <row r="130" spans="1:12" x14ac:dyDescent="0.25">
      <c r="A130" s="11" t="s">
        <v>960</v>
      </c>
      <c r="B130" s="11" t="s">
        <v>11</v>
      </c>
      <c r="C130" s="11" t="s">
        <v>12</v>
      </c>
      <c r="D130" s="11" t="s">
        <v>46</v>
      </c>
      <c r="E130" s="11" t="s">
        <v>11</v>
      </c>
      <c r="F130" s="11" t="s">
        <v>11</v>
      </c>
      <c r="G130" s="11" t="s">
        <v>45</v>
      </c>
      <c r="H130" s="16">
        <v>0.37999999999999989</v>
      </c>
      <c r="I130" s="11" t="s">
        <v>11</v>
      </c>
      <c r="J130" s="11" t="s">
        <v>11</v>
      </c>
      <c r="K130" s="11" t="s">
        <v>11</v>
      </c>
      <c r="L130" s="11" t="s">
        <v>14</v>
      </c>
    </row>
    <row r="131" spans="1:12" x14ac:dyDescent="0.25">
      <c r="A131" s="11" t="s">
        <v>961</v>
      </c>
      <c r="B131" s="11" t="s">
        <v>11</v>
      </c>
      <c r="C131" s="11" t="s">
        <v>12</v>
      </c>
      <c r="D131" s="11" t="s">
        <v>46</v>
      </c>
      <c r="E131" s="11" t="s">
        <v>217</v>
      </c>
      <c r="F131" s="11" t="s">
        <v>11</v>
      </c>
      <c r="G131" s="11" t="s">
        <v>45</v>
      </c>
      <c r="H131" s="16">
        <v>0.37999999999999989</v>
      </c>
      <c r="I131" s="11" t="s">
        <v>11</v>
      </c>
      <c r="J131" s="11" t="s">
        <v>11</v>
      </c>
      <c r="K131" s="11" t="s">
        <v>11</v>
      </c>
      <c r="L131" s="11" t="s">
        <v>14</v>
      </c>
    </row>
    <row r="132" spans="1:12" x14ac:dyDescent="0.25">
      <c r="A132" s="11" t="s">
        <v>962</v>
      </c>
      <c r="B132" s="11" t="s">
        <v>11</v>
      </c>
      <c r="C132" s="11" t="s">
        <v>12</v>
      </c>
      <c r="D132" s="11" t="s">
        <v>46</v>
      </c>
      <c r="E132" s="11" t="s">
        <v>217</v>
      </c>
      <c r="F132" s="11" t="s">
        <v>11</v>
      </c>
      <c r="G132" s="11" t="s">
        <v>45</v>
      </c>
      <c r="H132" s="16">
        <v>0.37999999999999989</v>
      </c>
      <c r="I132" s="11" t="s">
        <v>11</v>
      </c>
      <c r="J132" s="11" t="s">
        <v>11</v>
      </c>
      <c r="K132" s="11" t="s">
        <v>11</v>
      </c>
      <c r="L132" s="11" t="s">
        <v>14</v>
      </c>
    </row>
    <row r="133" spans="1:12" x14ac:dyDescent="0.25">
      <c r="A133" s="11" t="s">
        <v>963</v>
      </c>
      <c r="B133" s="11" t="s">
        <v>11</v>
      </c>
      <c r="C133" s="11" t="s">
        <v>12</v>
      </c>
      <c r="D133" s="11" t="s">
        <v>46</v>
      </c>
      <c r="E133" s="11" t="s">
        <v>11</v>
      </c>
      <c r="F133" s="11" t="s">
        <v>11</v>
      </c>
      <c r="G133" s="11" t="s">
        <v>45</v>
      </c>
      <c r="H133" s="16">
        <v>0.37999999999999989</v>
      </c>
      <c r="I133" s="11" t="s">
        <v>11</v>
      </c>
      <c r="J133" s="11" t="s">
        <v>11</v>
      </c>
      <c r="K133" s="11" t="s">
        <v>11</v>
      </c>
      <c r="L133" s="11" t="s">
        <v>14</v>
      </c>
    </row>
    <row r="134" spans="1:12" x14ac:dyDescent="0.25">
      <c r="A134" s="11" t="s">
        <v>964</v>
      </c>
      <c r="B134" s="11" t="s">
        <v>11</v>
      </c>
      <c r="C134" s="11" t="s">
        <v>12</v>
      </c>
      <c r="D134" s="11" t="s">
        <v>46</v>
      </c>
      <c r="E134" s="11" t="s">
        <v>11</v>
      </c>
      <c r="F134" s="11" t="s">
        <v>11</v>
      </c>
      <c r="G134" s="11" t="s">
        <v>45</v>
      </c>
      <c r="H134" s="16">
        <v>0.37999999999999989</v>
      </c>
      <c r="I134" s="11" t="s">
        <v>11</v>
      </c>
      <c r="J134" s="11" t="s">
        <v>11</v>
      </c>
      <c r="K134" s="11" t="s">
        <v>11</v>
      </c>
      <c r="L134" s="11" t="s">
        <v>14</v>
      </c>
    </row>
    <row r="135" spans="1:12" x14ac:dyDescent="0.25">
      <c r="A135" s="11" t="s">
        <v>965</v>
      </c>
      <c r="B135" s="11" t="s">
        <v>11</v>
      </c>
      <c r="C135" s="11" t="s">
        <v>12</v>
      </c>
      <c r="D135" s="11" t="s">
        <v>46</v>
      </c>
      <c r="E135" s="11" t="s">
        <v>11</v>
      </c>
      <c r="F135" s="11" t="s">
        <v>11</v>
      </c>
      <c r="G135" s="11" t="s">
        <v>45</v>
      </c>
      <c r="H135" s="16">
        <v>0.37999999999999989</v>
      </c>
      <c r="I135" s="11" t="s">
        <v>11</v>
      </c>
      <c r="J135" s="11" t="s">
        <v>11</v>
      </c>
      <c r="K135" s="11" t="s">
        <v>11</v>
      </c>
      <c r="L135" s="11" t="s">
        <v>14</v>
      </c>
    </row>
    <row r="136" spans="1:12" x14ac:dyDescent="0.25">
      <c r="A136" s="11" t="s">
        <v>966</v>
      </c>
      <c r="B136" s="11" t="s">
        <v>11</v>
      </c>
      <c r="C136" s="11" t="s">
        <v>12</v>
      </c>
      <c r="D136" s="11" t="s">
        <v>46</v>
      </c>
      <c r="E136" s="11" t="s">
        <v>11</v>
      </c>
      <c r="F136" s="11" t="s">
        <v>11</v>
      </c>
      <c r="G136" s="11" t="s">
        <v>45</v>
      </c>
      <c r="H136" s="16">
        <v>0.30000000000000004</v>
      </c>
      <c r="I136" s="11" t="s">
        <v>11</v>
      </c>
      <c r="J136" s="11" t="s">
        <v>11</v>
      </c>
      <c r="K136" s="11" t="s">
        <v>11</v>
      </c>
      <c r="L136" s="11" t="s">
        <v>14</v>
      </c>
    </row>
  </sheetData>
  <mergeCells count="2">
    <mergeCell ref="A4:L4"/>
    <mergeCell ref="A5:L5"/>
  </mergeCells>
  <pageMargins left="0.511811024" right="0.511811024" top="0.78740157499999996" bottom="0.78740157499999996" header="0.31496062000000002" footer="0.3149606200000000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7"/>
  <sheetViews>
    <sheetView workbookViewId="0"/>
  </sheetViews>
  <sheetFormatPr defaultRowHeight="15" x14ac:dyDescent="0.25"/>
  <cols>
    <col min="2" max="2" width="9.42578125" bestFit="1" customWidth="1"/>
    <col min="3" max="3" width="10.42578125" bestFit="1" customWidth="1"/>
    <col min="4" max="4" width="27.28515625" bestFit="1" customWidth="1"/>
    <col min="5" max="5" width="22.7109375" customWidth="1"/>
    <col min="6" max="6" width="13.42578125" bestFit="1" customWidth="1"/>
    <col min="7" max="7" width="43.5703125" bestFit="1" customWidth="1"/>
    <col min="8" max="8" width="7.7109375" bestFit="1" customWidth="1"/>
    <col min="9" max="9" width="16.5703125" bestFit="1" customWidth="1"/>
    <col min="10" max="10" width="4.28515625" bestFit="1" customWidth="1"/>
    <col min="11" max="11" width="24.85546875" bestFit="1" customWidth="1"/>
    <col min="12" max="12" width="11.85546875" bestFit="1" customWidth="1"/>
  </cols>
  <sheetData>
    <row r="1" spans="1:12" x14ac:dyDescent="0.25">
      <c r="A1" s="5" t="s">
        <v>184</v>
      </c>
      <c r="K1" s="3"/>
      <c r="L1" s="3"/>
    </row>
    <row r="2" spans="1:12" x14ac:dyDescent="0.25">
      <c r="A2" s="5" t="s">
        <v>181</v>
      </c>
      <c r="K2" s="3"/>
      <c r="L2" s="3"/>
    </row>
    <row r="3" spans="1:12" x14ac:dyDescent="0.25">
      <c r="A3" s="5" t="s">
        <v>182</v>
      </c>
      <c r="K3" s="3"/>
      <c r="L3" s="3"/>
    </row>
    <row r="4" spans="1:12" x14ac:dyDescent="0.25">
      <c r="A4" s="45" t="s">
        <v>971</v>
      </c>
      <c r="B4" s="45"/>
      <c r="C4" s="45"/>
      <c r="D4" s="45"/>
      <c r="E4" s="45"/>
      <c r="F4" s="45"/>
      <c r="G4" s="45"/>
      <c r="H4" s="45"/>
      <c r="I4" s="45"/>
      <c r="J4" s="45"/>
      <c r="K4" s="45"/>
      <c r="L4" s="45"/>
    </row>
    <row r="5" spans="1:12" ht="95.25" customHeight="1" x14ac:dyDescent="0.25">
      <c r="A5" s="46" t="s">
        <v>180</v>
      </c>
      <c r="B5" s="46"/>
      <c r="C5" s="46"/>
      <c r="D5" s="46"/>
      <c r="E5" s="46"/>
      <c r="F5" s="46"/>
      <c r="G5" s="46"/>
      <c r="H5" s="46"/>
      <c r="I5" s="46"/>
      <c r="J5" s="46"/>
      <c r="K5" s="46"/>
      <c r="L5" s="46"/>
    </row>
    <row r="6" spans="1:12" s="7" customFormat="1" ht="75" x14ac:dyDescent="0.25">
      <c r="A6" s="23" t="s">
        <v>0</v>
      </c>
      <c r="B6" s="23" t="s">
        <v>1</v>
      </c>
      <c r="C6" s="23" t="s">
        <v>2</v>
      </c>
      <c r="D6" s="23" t="s">
        <v>47</v>
      </c>
      <c r="E6" s="23" t="s">
        <v>974</v>
      </c>
      <c r="F6" s="23" t="s">
        <v>487</v>
      </c>
      <c r="G6" s="23" t="s">
        <v>5</v>
      </c>
      <c r="H6" s="23" t="s">
        <v>6</v>
      </c>
      <c r="I6" s="23" t="s">
        <v>7</v>
      </c>
      <c r="J6" s="23" t="s">
        <v>8</v>
      </c>
      <c r="K6" s="23" t="s">
        <v>9</v>
      </c>
      <c r="L6" s="23" t="s">
        <v>10</v>
      </c>
    </row>
    <row r="7" spans="1:12" x14ac:dyDescent="0.25">
      <c r="A7" s="11" t="s">
        <v>970</v>
      </c>
      <c r="B7" s="11" t="s">
        <v>11</v>
      </c>
      <c r="C7" s="11" t="s">
        <v>12</v>
      </c>
      <c r="D7" s="11" t="s">
        <v>46</v>
      </c>
      <c r="E7" s="11" t="s">
        <v>972</v>
      </c>
      <c r="F7" s="11" t="s">
        <v>973</v>
      </c>
      <c r="G7" s="11" t="s">
        <v>45</v>
      </c>
      <c r="H7" s="16">
        <v>0.46</v>
      </c>
      <c r="I7" s="11" t="s">
        <v>11</v>
      </c>
      <c r="J7" s="11" t="s">
        <v>11</v>
      </c>
      <c r="K7" s="11" t="s">
        <v>11</v>
      </c>
      <c r="L7" s="11" t="s">
        <v>14</v>
      </c>
    </row>
  </sheetData>
  <mergeCells count="2">
    <mergeCell ref="A4:L4"/>
    <mergeCell ref="A5:L5"/>
  </mergeCells>
  <pageMargins left="0.511811024" right="0.511811024" top="0.78740157499999996" bottom="0.78740157499999996" header="0.31496062000000002" footer="0.3149606200000000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1"/>
  <sheetViews>
    <sheetView workbookViewId="0"/>
  </sheetViews>
  <sheetFormatPr defaultRowHeight="15" x14ac:dyDescent="0.25"/>
  <cols>
    <col min="1" max="1" width="9.28515625" customWidth="1"/>
    <col min="2" max="2" width="9.42578125" bestFit="1" customWidth="1"/>
    <col min="3" max="3" width="10.42578125" bestFit="1" customWidth="1"/>
    <col min="4" max="6" width="15.42578125" bestFit="1" customWidth="1"/>
    <col min="7" max="7" width="43.5703125" bestFit="1" customWidth="1"/>
    <col min="8" max="8" width="7.7109375" bestFit="1" customWidth="1"/>
    <col min="9" max="9" width="16.5703125" bestFit="1" customWidth="1"/>
    <col min="10" max="10" width="43.7109375" bestFit="1" customWidth="1"/>
    <col min="11" max="11" width="35.85546875" bestFit="1" customWidth="1"/>
    <col min="12" max="12" width="11.85546875" bestFit="1" customWidth="1"/>
  </cols>
  <sheetData>
    <row r="1" spans="1:12" s="3" customFormat="1" x14ac:dyDescent="0.25">
      <c r="A1" s="5" t="s">
        <v>184</v>
      </c>
      <c r="B1" s="5"/>
      <c r="C1" s="5"/>
      <c r="D1" s="5"/>
      <c r="E1" s="5"/>
      <c r="F1" s="5"/>
      <c r="G1"/>
      <c r="H1"/>
      <c r="I1"/>
      <c r="J1"/>
      <c r="K1"/>
      <c r="L1"/>
    </row>
    <row r="2" spans="1:12" s="3" customFormat="1" x14ac:dyDescent="0.25">
      <c r="A2" s="5" t="s">
        <v>181</v>
      </c>
      <c r="B2" s="5"/>
      <c r="C2" s="5"/>
      <c r="D2" s="5"/>
      <c r="E2" s="5"/>
      <c r="F2" s="5"/>
      <c r="G2"/>
      <c r="H2"/>
      <c r="I2"/>
      <c r="J2"/>
      <c r="K2"/>
      <c r="L2"/>
    </row>
    <row r="3" spans="1:12" s="3" customFormat="1" x14ac:dyDescent="0.25">
      <c r="A3" s="5" t="s">
        <v>182</v>
      </c>
      <c r="B3" s="5"/>
      <c r="C3" s="5"/>
      <c r="D3" s="5"/>
      <c r="E3" s="5"/>
      <c r="F3" s="5"/>
      <c r="G3"/>
      <c r="H3"/>
      <c r="I3"/>
      <c r="J3"/>
      <c r="K3"/>
      <c r="L3"/>
    </row>
    <row r="4" spans="1:12" s="3" customFormat="1" ht="15" customHeight="1" x14ac:dyDescent="0.25">
      <c r="A4" s="36" t="s">
        <v>213</v>
      </c>
      <c r="B4" s="37"/>
      <c r="C4" s="37"/>
      <c r="D4" s="37"/>
      <c r="E4" s="37"/>
      <c r="F4" s="37"/>
      <c r="G4" s="37"/>
      <c r="H4" s="37"/>
      <c r="I4" s="37"/>
      <c r="J4" s="37"/>
      <c r="K4" s="37"/>
      <c r="L4" s="38"/>
    </row>
    <row r="5" spans="1:12" s="3" customFormat="1" ht="98.25" customHeight="1" x14ac:dyDescent="0.25">
      <c r="A5" s="39" t="s">
        <v>180</v>
      </c>
      <c r="B5" s="40"/>
      <c r="C5" s="40"/>
      <c r="D5" s="40"/>
      <c r="E5" s="40"/>
      <c r="F5" s="40"/>
      <c r="G5" s="40"/>
      <c r="H5" s="40"/>
      <c r="I5" s="40"/>
      <c r="J5" s="40"/>
      <c r="K5" s="40"/>
      <c r="L5" s="41"/>
    </row>
    <row r="6" spans="1:12" s="7" customFormat="1" ht="60" x14ac:dyDescent="0.25">
      <c r="A6" s="15" t="s">
        <v>0</v>
      </c>
      <c r="B6" s="15" t="s">
        <v>1</v>
      </c>
      <c r="C6" s="15" t="s">
        <v>2</v>
      </c>
      <c r="D6" s="15" t="s">
        <v>214</v>
      </c>
      <c r="E6" s="15" t="s">
        <v>215</v>
      </c>
      <c r="F6" s="15" t="s">
        <v>216</v>
      </c>
      <c r="G6" s="15" t="s">
        <v>5</v>
      </c>
      <c r="H6" s="15" t="s">
        <v>6</v>
      </c>
      <c r="I6" s="15" t="s">
        <v>7</v>
      </c>
      <c r="J6" s="15" t="s">
        <v>8</v>
      </c>
      <c r="K6" s="15" t="s">
        <v>9</v>
      </c>
      <c r="L6" s="15" t="s">
        <v>10</v>
      </c>
    </row>
    <row r="7" spans="1:12" s="3" customFormat="1" x14ac:dyDescent="0.25">
      <c r="A7" s="11" t="s">
        <v>185</v>
      </c>
      <c r="B7" s="11" t="s">
        <v>11</v>
      </c>
      <c r="C7" s="11" t="s">
        <v>12</v>
      </c>
      <c r="D7" s="11" t="s">
        <v>210</v>
      </c>
      <c r="E7" s="11" t="s">
        <v>211</v>
      </c>
      <c r="F7" s="11" t="s">
        <v>212</v>
      </c>
      <c r="G7" s="11" t="s">
        <v>45</v>
      </c>
      <c r="H7" s="16">
        <v>0.29039999999999999</v>
      </c>
      <c r="I7" s="11" t="s">
        <v>11</v>
      </c>
      <c r="J7" s="11" t="s">
        <v>18</v>
      </c>
      <c r="K7" s="11" t="s">
        <v>16</v>
      </c>
      <c r="L7" s="11" t="s">
        <v>19</v>
      </c>
    </row>
    <row r="8" spans="1:12" s="3" customFormat="1" x14ac:dyDescent="0.25">
      <c r="A8" s="11" t="s">
        <v>186</v>
      </c>
      <c r="B8" s="11" t="s">
        <v>11</v>
      </c>
      <c r="C8" s="11" t="s">
        <v>12</v>
      </c>
      <c r="D8" s="11" t="s">
        <v>212</v>
      </c>
      <c r="E8" s="11" t="s">
        <v>217</v>
      </c>
      <c r="F8" s="11" t="s">
        <v>218</v>
      </c>
      <c r="G8" s="11" t="s">
        <v>45</v>
      </c>
      <c r="H8" s="16">
        <v>0.29039999999999999</v>
      </c>
      <c r="I8" s="11" t="s">
        <v>11</v>
      </c>
      <c r="J8" s="11" t="s">
        <v>18</v>
      </c>
      <c r="K8" s="11" t="s">
        <v>16</v>
      </c>
      <c r="L8" s="11" t="s">
        <v>19</v>
      </c>
    </row>
    <row r="9" spans="1:12" s="3" customFormat="1" x14ac:dyDescent="0.25">
      <c r="A9" s="11" t="s">
        <v>187</v>
      </c>
      <c r="B9" s="11" t="s">
        <v>11</v>
      </c>
      <c r="C9" s="11" t="s">
        <v>12</v>
      </c>
      <c r="D9" s="11" t="s">
        <v>218</v>
      </c>
      <c r="E9" s="11" t="s">
        <v>219</v>
      </c>
      <c r="F9" s="11" t="s">
        <v>220</v>
      </c>
      <c r="G9" s="11" t="s">
        <v>45</v>
      </c>
      <c r="H9" s="16">
        <v>0.29039999999999999</v>
      </c>
      <c r="I9" s="11" t="s">
        <v>11</v>
      </c>
      <c r="J9" s="11" t="s">
        <v>18</v>
      </c>
      <c r="K9" s="11" t="s">
        <v>16</v>
      </c>
      <c r="L9" s="11" t="s">
        <v>19</v>
      </c>
    </row>
    <row r="10" spans="1:12" s="3" customFormat="1" x14ac:dyDescent="0.25">
      <c r="A10" s="11" t="s">
        <v>188</v>
      </c>
      <c r="B10" s="11" t="s">
        <v>11</v>
      </c>
      <c r="C10" s="11" t="s">
        <v>12</v>
      </c>
      <c r="D10" s="11" t="s">
        <v>220</v>
      </c>
      <c r="E10" s="11" t="s">
        <v>221</v>
      </c>
      <c r="F10" s="11" t="s">
        <v>222</v>
      </c>
      <c r="G10" s="11" t="s">
        <v>45</v>
      </c>
      <c r="H10" s="16">
        <v>0.29039999999999999</v>
      </c>
      <c r="I10" s="11" t="s">
        <v>11</v>
      </c>
      <c r="J10" s="11" t="s">
        <v>18</v>
      </c>
      <c r="K10" s="11" t="s">
        <v>16</v>
      </c>
      <c r="L10" s="11" t="s">
        <v>19</v>
      </c>
    </row>
    <row r="11" spans="1:12" s="3" customFormat="1" x14ac:dyDescent="0.25">
      <c r="A11" s="11" t="s">
        <v>189</v>
      </c>
      <c r="B11" s="11" t="s">
        <v>11</v>
      </c>
      <c r="C11" s="11" t="s">
        <v>12</v>
      </c>
      <c r="D11" s="11" t="s">
        <v>222</v>
      </c>
      <c r="E11" s="11" t="s">
        <v>223</v>
      </c>
      <c r="F11" s="11" t="s">
        <v>224</v>
      </c>
      <c r="G11" s="11" t="s">
        <v>45</v>
      </c>
      <c r="H11" s="16">
        <v>0.29039999999999999</v>
      </c>
      <c r="I11" s="11" t="s">
        <v>11</v>
      </c>
      <c r="J11" s="11" t="s">
        <v>18</v>
      </c>
      <c r="K11" s="11" t="s">
        <v>16</v>
      </c>
      <c r="L11" s="11" t="s">
        <v>19</v>
      </c>
    </row>
    <row r="12" spans="1:12" s="3" customFormat="1" x14ac:dyDescent="0.25">
      <c r="A12" s="11" t="s">
        <v>190</v>
      </c>
      <c r="B12" s="11" t="s">
        <v>11</v>
      </c>
      <c r="C12" s="11" t="s">
        <v>12</v>
      </c>
      <c r="D12" s="11" t="s">
        <v>224</v>
      </c>
      <c r="E12" s="11" t="s">
        <v>225</v>
      </c>
      <c r="F12" s="11" t="s">
        <v>226</v>
      </c>
      <c r="G12" s="11" t="s">
        <v>45</v>
      </c>
      <c r="H12" s="16">
        <v>0.29039999999999999</v>
      </c>
      <c r="I12" s="11" t="s">
        <v>11</v>
      </c>
      <c r="J12" s="11" t="s">
        <v>18</v>
      </c>
      <c r="K12" s="11" t="s">
        <v>16</v>
      </c>
      <c r="L12" s="11" t="s">
        <v>19</v>
      </c>
    </row>
    <row r="13" spans="1:12" s="3" customFormat="1" x14ac:dyDescent="0.25">
      <c r="A13" s="11" t="s">
        <v>191</v>
      </c>
      <c r="B13" s="11" t="s">
        <v>11</v>
      </c>
      <c r="C13" s="11" t="s">
        <v>12</v>
      </c>
      <c r="D13" s="11" t="s">
        <v>226</v>
      </c>
      <c r="E13" s="11" t="s">
        <v>227</v>
      </c>
      <c r="F13" s="11" t="s">
        <v>228</v>
      </c>
      <c r="G13" s="11" t="s">
        <v>45</v>
      </c>
      <c r="H13" s="16">
        <v>0.29039999999999999</v>
      </c>
      <c r="I13" s="11" t="s">
        <v>11</v>
      </c>
      <c r="J13" s="11" t="s">
        <v>18</v>
      </c>
      <c r="K13" s="11" t="s">
        <v>16</v>
      </c>
      <c r="L13" s="11" t="s">
        <v>19</v>
      </c>
    </row>
    <row r="14" spans="1:12" s="3" customFormat="1" x14ac:dyDescent="0.25">
      <c r="A14" s="11" t="s">
        <v>192</v>
      </c>
      <c r="B14" s="11" t="s">
        <v>11</v>
      </c>
      <c r="C14" s="11" t="s">
        <v>12</v>
      </c>
      <c r="D14" s="11" t="s">
        <v>228</v>
      </c>
      <c r="E14" s="11" t="s">
        <v>229</v>
      </c>
      <c r="F14" s="11" t="s">
        <v>230</v>
      </c>
      <c r="G14" s="11" t="s">
        <v>45</v>
      </c>
      <c r="H14" s="16">
        <v>0.29039999999999999</v>
      </c>
      <c r="I14" s="11" t="s">
        <v>11</v>
      </c>
      <c r="J14" s="11" t="s">
        <v>18</v>
      </c>
      <c r="K14" s="11" t="s">
        <v>16</v>
      </c>
      <c r="L14" s="11" t="s">
        <v>19</v>
      </c>
    </row>
    <row r="15" spans="1:12" s="3" customFormat="1" x14ac:dyDescent="0.25">
      <c r="A15" s="11" t="s">
        <v>193</v>
      </c>
      <c r="B15" s="11" t="s">
        <v>11</v>
      </c>
      <c r="C15" s="11" t="s">
        <v>12</v>
      </c>
      <c r="D15" s="11" t="s">
        <v>230</v>
      </c>
      <c r="E15" s="11" t="s">
        <v>231</v>
      </c>
      <c r="F15" s="11" t="s">
        <v>232</v>
      </c>
      <c r="G15" s="11" t="s">
        <v>45</v>
      </c>
      <c r="H15" s="16">
        <v>0.29039999999999999</v>
      </c>
      <c r="I15" s="11" t="s">
        <v>11</v>
      </c>
      <c r="J15" s="11" t="s">
        <v>18</v>
      </c>
      <c r="K15" s="11" t="s">
        <v>16</v>
      </c>
      <c r="L15" s="11" t="s">
        <v>19</v>
      </c>
    </row>
    <row r="16" spans="1:12" s="3" customFormat="1" x14ac:dyDescent="0.25">
      <c r="A16" s="11" t="s">
        <v>194</v>
      </c>
      <c r="B16" s="11" t="s">
        <v>11</v>
      </c>
      <c r="C16" s="11" t="s">
        <v>12</v>
      </c>
      <c r="D16" s="11" t="s">
        <v>232</v>
      </c>
      <c r="E16" s="11" t="s">
        <v>233</v>
      </c>
      <c r="F16" s="11" t="s">
        <v>234</v>
      </c>
      <c r="G16" s="11" t="s">
        <v>45</v>
      </c>
      <c r="H16" s="16">
        <v>0.29039999999999999</v>
      </c>
      <c r="I16" s="11" t="s">
        <v>11</v>
      </c>
      <c r="J16" s="11" t="s">
        <v>18</v>
      </c>
      <c r="K16" s="11" t="s">
        <v>16</v>
      </c>
      <c r="L16" s="11" t="s">
        <v>19</v>
      </c>
    </row>
    <row r="17" spans="1:12" s="3" customFormat="1" x14ac:dyDescent="0.25">
      <c r="A17" s="11" t="s">
        <v>195</v>
      </c>
      <c r="B17" s="11" t="s">
        <v>11</v>
      </c>
      <c r="C17" s="11" t="s">
        <v>12</v>
      </c>
      <c r="D17" s="11" t="s">
        <v>234</v>
      </c>
      <c r="E17" s="11" t="s">
        <v>235</v>
      </c>
      <c r="F17" s="11" t="s">
        <v>236</v>
      </c>
      <c r="G17" s="11" t="s">
        <v>45</v>
      </c>
      <c r="H17" s="16">
        <v>0.29039999999999999</v>
      </c>
      <c r="I17" s="11" t="s">
        <v>11</v>
      </c>
      <c r="J17" s="11" t="s">
        <v>18</v>
      </c>
      <c r="K17" s="11" t="s">
        <v>16</v>
      </c>
      <c r="L17" s="11" t="s">
        <v>19</v>
      </c>
    </row>
    <row r="18" spans="1:12" s="3" customFormat="1" x14ac:dyDescent="0.25">
      <c r="A18" s="11" t="s">
        <v>196</v>
      </c>
      <c r="B18" s="11" t="s">
        <v>11</v>
      </c>
      <c r="C18" s="11" t="s">
        <v>12</v>
      </c>
      <c r="D18" s="11" t="s">
        <v>236</v>
      </c>
      <c r="E18" s="11" t="s">
        <v>237</v>
      </c>
      <c r="F18" s="11" t="s">
        <v>238</v>
      </c>
      <c r="G18" s="11" t="s">
        <v>45</v>
      </c>
      <c r="H18" s="16">
        <v>0.29039999999999999</v>
      </c>
      <c r="I18" s="11" t="s">
        <v>11</v>
      </c>
      <c r="J18" s="11" t="s">
        <v>18</v>
      </c>
      <c r="K18" s="11" t="s">
        <v>16</v>
      </c>
      <c r="L18" s="11" t="s">
        <v>19</v>
      </c>
    </row>
    <row r="19" spans="1:12" s="3" customFormat="1" x14ac:dyDescent="0.25">
      <c r="A19" s="11" t="s">
        <v>197</v>
      </c>
      <c r="B19" s="11" t="s">
        <v>11</v>
      </c>
      <c r="C19" s="11" t="s">
        <v>12</v>
      </c>
      <c r="D19" s="11" t="s">
        <v>238</v>
      </c>
      <c r="E19" s="11" t="s">
        <v>239</v>
      </c>
      <c r="F19" s="11" t="s">
        <v>240</v>
      </c>
      <c r="G19" s="11" t="s">
        <v>45</v>
      </c>
      <c r="H19" s="16">
        <v>0.29039999999999999</v>
      </c>
      <c r="I19" s="11" t="s">
        <v>11</v>
      </c>
      <c r="J19" s="11" t="s">
        <v>18</v>
      </c>
      <c r="K19" s="11" t="s">
        <v>16</v>
      </c>
      <c r="L19" s="11" t="s">
        <v>19</v>
      </c>
    </row>
    <row r="20" spans="1:12" s="3" customFormat="1" x14ac:dyDescent="0.25">
      <c r="A20" s="11" t="s">
        <v>198</v>
      </c>
      <c r="B20" s="11" t="s">
        <v>11</v>
      </c>
      <c r="C20" s="11" t="s">
        <v>12</v>
      </c>
      <c r="D20" s="11" t="s">
        <v>240</v>
      </c>
      <c r="E20" s="11" t="s">
        <v>241</v>
      </c>
      <c r="F20" s="11" t="s">
        <v>242</v>
      </c>
      <c r="G20" s="11" t="s">
        <v>45</v>
      </c>
      <c r="H20" s="16">
        <v>0.29039999999999999</v>
      </c>
      <c r="I20" s="11" t="s">
        <v>11</v>
      </c>
      <c r="J20" s="11" t="s">
        <v>18</v>
      </c>
      <c r="K20" s="11" t="s">
        <v>16</v>
      </c>
      <c r="L20" s="11" t="s">
        <v>19</v>
      </c>
    </row>
    <row r="21" spans="1:12" s="3" customFormat="1" x14ac:dyDescent="0.25">
      <c r="A21" s="11" t="s">
        <v>199</v>
      </c>
      <c r="B21" s="11" t="s">
        <v>11</v>
      </c>
      <c r="C21" s="11" t="s">
        <v>12</v>
      </c>
      <c r="D21" s="11" t="s">
        <v>242</v>
      </c>
      <c r="E21" s="11" t="s">
        <v>243</v>
      </c>
      <c r="F21" s="11" t="s">
        <v>244</v>
      </c>
      <c r="G21" s="11" t="s">
        <v>45</v>
      </c>
      <c r="H21" s="16">
        <v>0.29039999999999999</v>
      </c>
      <c r="I21" s="11" t="s">
        <v>11</v>
      </c>
      <c r="J21" s="11" t="s">
        <v>18</v>
      </c>
      <c r="K21" s="11" t="s">
        <v>16</v>
      </c>
      <c r="L21" s="11" t="s">
        <v>19</v>
      </c>
    </row>
    <row r="22" spans="1:12" s="3" customFormat="1" x14ac:dyDescent="0.25">
      <c r="A22" s="11" t="s">
        <v>200</v>
      </c>
      <c r="B22" s="11" t="s">
        <v>11</v>
      </c>
      <c r="C22" s="11" t="s">
        <v>12</v>
      </c>
      <c r="D22" s="11" t="s">
        <v>244</v>
      </c>
      <c r="E22" s="11" t="s">
        <v>245</v>
      </c>
      <c r="F22" s="11" t="s">
        <v>246</v>
      </c>
      <c r="G22" s="11" t="s">
        <v>45</v>
      </c>
      <c r="H22" s="16">
        <v>0.29039999999999999</v>
      </c>
      <c r="I22" s="11" t="s">
        <v>11</v>
      </c>
      <c r="J22" s="11" t="s">
        <v>18</v>
      </c>
      <c r="K22" s="11" t="s">
        <v>16</v>
      </c>
      <c r="L22" s="11" t="s">
        <v>19</v>
      </c>
    </row>
    <row r="23" spans="1:12" s="3" customFormat="1" x14ac:dyDescent="0.25">
      <c r="A23" s="11" t="s">
        <v>201</v>
      </c>
      <c r="B23" s="11" t="s">
        <v>11</v>
      </c>
      <c r="C23" s="11" t="s">
        <v>12</v>
      </c>
      <c r="D23" s="11" t="s">
        <v>246</v>
      </c>
      <c r="E23" s="11" t="s">
        <v>247</v>
      </c>
      <c r="F23" s="11" t="s">
        <v>248</v>
      </c>
      <c r="G23" s="11" t="s">
        <v>45</v>
      </c>
      <c r="H23" s="16">
        <v>0.29039999999999999</v>
      </c>
      <c r="I23" s="11" t="s">
        <v>11</v>
      </c>
      <c r="J23" s="11" t="s">
        <v>18</v>
      </c>
      <c r="K23" s="11" t="s">
        <v>16</v>
      </c>
      <c r="L23" s="11" t="s">
        <v>19</v>
      </c>
    </row>
    <row r="24" spans="1:12" s="3" customFormat="1" x14ac:dyDescent="0.25">
      <c r="A24" s="11" t="s">
        <v>202</v>
      </c>
      <c r="B24" s="11" t="s">
        <v>11</v>
      </c>
      <c r="C24" s="11" t="s">
        <v>12</v>
      </c>
      <c r="D24" s="11" t="s">
        <v>248</v>
      </c>
      <c r="E24" s="11" t="s">
        <v>249</v>
      </c>
      <c r="F24" s="11" t="s">
        <v>250</v>
      </c>
      <c r="G24" s="11" t="s">
        <v>45</v>
      </c>
      <c r="H24" s="16">
        <v>0.29039999999999999</v>
      </c>
      <c r="I24" s="11" t="s">
        <v>11</v>
      </c>
      <c r="J24" s="11" t="s">
        <v>18</v>
      </c>
      <c r="K24" s="11" t="s">
        <v>16</v>
      </c>
      <c r="L24" s="11" t="s">
        <v>19</v>
      </c>
    </row>
    <row r="25" spans="1:12" s="3" customFormat="1" x14ac:dyDescent="0.25">
      <c r="A25" s="11" t="s">
        <v>203</v>
      </c>
      <c r="B25" s="11" t="s">
        <v>11</v>
      </c>
      <c r="C25" s="11" t="s">
        <v>12</v>
      </c>
      <c r="D25" s="11" t="s">
        <v>250</v>
      </c>
      <c r="E25" s="11" t="s">
        <v>251</v>
      </c>
      <c r="F25" s="11" t="s">
        <v>252</v>
      </c>
      <c r="G25" s="11" t="s">
        <v>45</v>
      </c>
      <c r="H25" s="16">
        <v>0.29039999999999999</v>
      </c>
      <c r="I25" s="11" t="s">
        <v>11</v>
      </c>
      <c r="J25" s="11" t="s">
        <v>18</v>
      </c>
      <c r="K25" s="11" t="s">
        <v>16</v>
      </c>
      <c r="L25" s="11" t="s">
        <v>19</v>
      </c>
    </row>
    <row r="26" spans="1:12" s="3" customFormat="1" x14ac:dyDescent="0.25">
      <c r="A26" s="11" t="s">
        <v>204</v>
      </c>
      <c r="B26" s="11" t="s">
        <v>11</v>
      </c>
      <c r="C26" s="11" t="s">
        <v>12</v>
      </c>
      <c r="D26" s="11" t="s">
        <v>252</v>
      </c>
      <c r="E26" s="11" t="s">
        <v>253</v>
      </c>
      <c r="F26" s="11" t="s">
        <v>254</v>
      </c>
      <c r="G26" s="11" t="s">
        <v>45</v>
      </c>
      <c r="H26" s="16">
        <v>0.29039999999999999</v>
      </c>
      <c r="I26" s="11" t="s">
        <v>11</v>
      </c>
      <c r="J26" s="11" t="s">
        <v>18</v>
      </c>
      <c r="K26" s="11" t="s">
        <v>16</v>
      </c>
      <c r="L26" s="11" t="s">
        <v>19</v>
      </c>
    </row>
    <row r="27" spans="1:12" s="3" customFormat="1" x14ac:dyDescent="0.25">
      <c r="A27" s="11" t="s">
        <v>205</v>
      </c>
      <c r="B27" s="11" t="s">
        <v>11</v>
      </c>
      <c r="C27" s="11" t="s">
        <v>12</v>
      </c>
      <c r="D27" s="11" t="s">
        <v>254</v>
      </c>
      <c r="E27" s="11" t="s">
        <v>255</v>
      </c>
      <c r="F27" s="11" t="s">
        <v>256</v>
      </c>
      <c r="G27" s="11" t="s">
        <v>45</v>
      </c>
      <c r="H27" s="16">
        <v>0.29039999999999999</v>
      </c>
      <c r="I27" s="11" t="s">
        <v>11</v>
      </c>
      <c r="J27" s="11" t="s">
        <v>18</v>
      </c>
      <c r="K27" s="11" t="s">
        <v>16</v>
      </c>
      <c r="L27" s="11" t="s">
        <v>19</v>
      </c>
    </row>
    <row r="28" spans="1:12" s="3" customFormat="1" x14ac:dyDescent="0.25">
      <c r="A28" s="11" t="s">
        <v>206</v>
      </c>
      <c r="B28" s="11" t="s">
        <v>11</v>
      </c>
      <c r="C28" s="11" t="s">
        <v>12</v>
      </c>
      <c r="D28" s="11" t="s">
        <v>256</v>
      </c>
      <c r="E28" s="11" t="s">
        <v>257</v>
      </c>
      <c r="F28" s="11" t="s">
        <v>258</v>
      </c>
      <c r="G28" s="11" t="s">
        <v>45</v>
      </c>
      <c r="H28" s="16">
        <v>0.29039999999999999</v>
      </c>
      <c r="I28" s="11" t="s">
        <v>11</v>
      </c>
      <c r="J28" s="11" t="s">
        <v>18</v>
      </c>
      <c r="K28" s="11" t="s">
        <v>16</v>
      </c>
      <c r="L28" s="11" t="s">
        <v>19</v>
      </c>
    </row>
    <row r="29" spans="1:12" s="3" customFormat="1" x14ac:dyDescent="0.25">
      <c r="A29" s="11" t="s">
        <v>207</v>
      </c>
      <c r="B29" s="11" t="s">
        <v>11</v>
      </c>
      <c r="C29" s="11" t="s">
        <v>12</v>
      </c>
      <c r="D29" s="11" t="s">
        <v>258</v>
      </c>
      <c r="E29" s="11" t="s">
        <v>259</v>
      </c>
      <c r="F29" s="11" t="s">
        <v>260</v>
      </c>
      <c r="G29" s="11" t="s">
        <v>45</v>
      </c>
      <c r="H29" s="16">
        <v>0.29039999999999999</v>
      </c>
      <c r="I29" s="11" t="s">
        <v>11</v>
      </c>
      <c r="J29" s="11" t="s">
        <v>18</v>
      </c>
      <c r="K29" s="11" t="s">
        <v>16</v>
      </c>
      <c r="L29" s="11" t="s">
        <v>19</v>
      </c>
    </row>
    <row r="30" spans="1:12" s="3" customFormat="1" x14ac:dyDescent="0.25">
      <c r="A30" s="11" t="s">
        <v>208</v>
      </c>
      <c r="B30" s="11" t="s">
        <v>11</v>
      </c>
      <c r="C30" s="11" t="s">
        <v>12</v>
      </c>
      <c r="D30" s="11" t="s">
        <v>260</v>
      </c>
      <c r="E30" s="11" t="s">
        <v>261</v>
      </c>
      <c r="F30" s="11" t="s">
        <v>262</v>
      </c>
      <c r="G30" s="11" t="s">
        <v>45</v>
      </c>
      <c r="H30" s="16">
        <v>0.29039999999999999</v>
      </c>
      <c r="I30" s="11" t="s">
        <v>11</v>
      </c>
      <c r="J30" s="11" t="s">
        <v>18</v>
      </c>
      <c r="K30" s="11" t="s">
        <v>16</v>
      </c>
      <c r="L30" s="11" t="s">
        <v>19</v>
      </c>
    </row>
    <row r="31" spans="1:12" s="3" customFormat="1" x14ac:dyDescent="0.25">
      <c r="A31" s="11" t="s">
        <v>209</v>
      </c>
      <c r="B31" s="11" t="s">
        <v>11</v>
      </c>
      <c r="C31" s="11" t="s">
        <v>12</v>
      </c>
      <c r="D31" s="11" t="s">
        <v>262</v>
      </c>
      <c r="E31" s="11" t="s">
        <v>263</v>
      </c>
      <c r="F31" s="11" t="s">
        <v>264</v>
      </c>
      <c r="G31" s="11" t="s">
        <v>45</v>
      </c>
      <c r="H31" s="16">
        <v>0.29039999999999999</v>
      </c>
      <c r="I31" s="11" t="s">
        <v>11</v>
      </c>
      <c r="J31" s="11" t="s">
        <v>18</v>
      </c>
      <c r="K31" s="11" t="s">
        <v>16</v>
      </c>
      <c r="L31" s="11" t="s">
        <v>19</v>
      </c>
    </row>
  </sheetData>
  <mergeCells count="2">
    <mergeCell ref="A4:L4"/>
    <mergeCell ref="A5:L5"/>
  </mergeCells>
  <pageMargins left="0.511811024" right="0.511811024" top="0.78740157499999996" bottom="0.78740157499999996" header="0.31496062000000002" footer="0.3149606200000000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8"/>
  <sheetViews>
    <sheetView workbookViewId="0"/>
  </sheetViews>
  <sheetFormatPr defaultRowHeight="15" x14ac:dyDescent="0.25"/>
  <cols>
    <col min="3" max="3" width="10.42578125" style="59" bestFit="1" customWidth="1"/>
    <col min="4" max="4" width="27.42578125" style="59" bestFit="1" customWidth="1"/>
    <col min="5" max="5" width="36.85546875" style="59" customWidth="1"/>
    <col min="6" max="6" width="43.5703125" style="59" bestFit="1" customWidth="1"/>
    <col min="7" max="7" width="7.85546875" style="59" bestFit="1" customWidth="1"/>
    <col min="8" max="8" width="16.5703125" style="59" bestFit="1" customWidth="1"/>
    <col min="9" max="9" width="4.28515625" style="59" bestFit="1" customWidth="1"/>
    <col min="10" max="10" width="25" style="59" bestFit="1" customWidth="1"/>
    <col min="11" max="11" width="12" style="59" bestFit="1" customWidth="1"/>
    <col min="12" max="12" width="9.140625" style="59"/>
  </cols>
  <sheetData>
    <row r="1" spans="1:11" x14ac:dyDescent="0.25">
      <c r="A1" s="5" t="s">
        <v>184</v>
      </c>
    </row>
    <row r="2" spans="1:11" x14ac:dyDescent="0.25">
      <c r="A2" s="5" t="s">
        <v>181</v>
      </c>
    </row>
    <row r="3" spans="1:11" x14ac:dyDescent="0.25">
      <c r="A3" s="5" t="s">
        <v>182</v>
      </c>
    </row>
    <row r="4" spans="1:11" x14ac:dyDescent="0.25">
      <c r="A4" s="45" t="s">
        <v>980</v>
      </c>
      <c r="B4" s="45"/>
      <c r="C4" s="45"/>
      <c r="D4" s="45"/>
      <c r="E4" s="45"/>
      <c r="F4" s="45"/>
      <c r="G4" s="45"/>
      <c r="H4" s="45"/>
      <c r="I4" s="45"/>
      <c r="J4" s="45"/>
      <c r="K4" s="45"/>
    </row>
    <row r="5" spans="1:11" ht="95.25" customHeight="1" x14ac:dyDescent="0.25">
      <c r="A5" s="46" t="s">
        <v>180</v>
      </c>
      <c r="B5" s="46"/>
      <c r="C5" s="46"/>
      <c r="D5" s="46"/>
      <c r="E5" s="46"/>
      <c r="F5" s="46"/>
      <c r="G5" s="46"/>
      <c r="H5" s="46"/>
      <c r="I5" s="46"/>
      <c r="J5" s="46"/>
      <c r="K5" s="46"/>
    </row>
    <row r="6" spans="1:11" s="7" customFormat="1" ht="45" x14ac:dyDescent="0.25">
      <c r="A6" s="23" t="s">
        <v>0</v>
      </c>
      <c r="B6" s="23" t="s">
        <v>1</v>
      </c>
      <c r="C6" s="23" t="s">
        <v>2</v>
      </c>
      <c r="D6" s="23" t="s">
        <v>47</v>
      </c>
      <c r="E6" s="23" t="s">
        <v>979</v>
      </c>
      <c r="F6" s="23" t="s">
        <v>5</v>
      </c>
      <c r="G6" s="23" t="s">
        <v>6</v>
      </c>
      <c r="H6" s="23" t="s">
        <v>7</v>
      </c>
      <c r="I6" s="23" t="s">
        <v>8</v>
      </c>
      <c r="J6" s="23" t="s">
        <v>9</v>
      </c>
      <c r="K6" s="23" t="s">
        <v>10</v>
      </c>
    </row>
    <row r="7" spans="1:11" x14ac:dyDescent="0.25">
      <c r="A7" s="11" t="s">
        <v>975</v>
      </c>
      <c r="B7" s="11" t="s">
        <v>11</v>
      </c>
      <c r="C7" s="19" t="s">
        <v>12</v>
      </c>
      <c r="D7" s="19" t="s">
        <v>977</v>
      </c>
      <c r="E7" s="19" t="s">
        <v>978</v>
      </c>
      <c r="F7" s="19" t="s">
        <v>45</v>
      </c>
      <c r="G7" s="60">
        <v>0.7</v>
      </c>
      <c r="H7" s="19" t="s">
        <v>11</v>
      </c>
      <c r="I7" s="19" t="s">
        <v>11</v>
      </c>
      <c r="J7" s="19" t="s">
        <v>11</v>
      </c>
      <c r="K7" s="19" t="s">
        <v>14</v>
      </c>
    </row>
    <row r="8" spans="1:11" x14ac:dyDescent="0.25">
      <c r="A8" s="11" t="s">
        <v>976</v>
      </c>
      <c r="B8" s="11" t="s">
        <v>11</v>
      </c>
      <c r="C8" s="19" t="s">
        <v>12</v>
      </c>
      <c r="D8" s="19" t="s">
        <v>977</v>
      </c>
      <c r="E8" s="19" t="s">
        <v>978</v>
      </c>
      <c r="F8" s="19" t="s">
        <v>45</v>
      </c>
      <c r="G8" s="60">
        <v>0.42799999999999999</v>
      </c>
      <c r="H8" s="19" t="s">
        <v>11</v>
      </c>
      <c r="I8" s="19" t="s">
        <v>11</v>
      </c>
      <c r="J8" s="19" t="s">
        <v>11</v>
      </c>
      <c r="K8" s="19" t="s">
        <v>14</v>
      </c>
    </row>
  </sheetData>
  <mergeCells count="2">
    <mergeCell ref="A4:K4"/>
    <mergeCell ref="A5:K5"/>
  </mergeCells>
  <pageMargins left="0.511811024" right="0.511811024" top="0.78740157499999996" bottom="0.78740157499999996" header="0.31496062000000002" footer="0.3149606200000000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9"/>
  <sheetViews>
    <sheetView workbookViewId="0"/>
  </sheetViews>
  <sheetFormatPr defaultRowHeight="15" x14ac:dyDescent="0.25"/>
  <cols>
    <col min="3" max="3" width="10.42578125" bestFit="1" customWidth="1"/>
    <col min="4" max="4" width="20.85546875" bestFit="1" customWidth="1"/>
    <col min="5" max="5" width="43.5703125" bestFit="1" customWidth="1"/>
    <col min="6" max="6" width="7.85546875" bestFit="1" customWidth="1"/>
    <col min="7" max="7" width="16.5703125" bestFit="1" customWidth="1"/>
    <col min="8" max="8" width="4.28515625" bestFit="1" customWidth="1"/>
    <col min="9" max="9" width="25" bestFit="1" customWidth="1"/>
    <col min="10" max="10" width="12"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985</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58" customFormat="1" x14ac:dyDescent="0.25">
      <c r="A6" s="57" t="s">
        <v>0</v>
      </c>
      <c r="B6" s="57" t="s">
        <v>1</v>
      </c>
      <c r="C6" s="57" t="s">
        <v>2</v>
      </c>
      <c r="D6" s="57" t="s">
        <v>435</v>
      </c>
      <c r="E6" s="57" t="s">
        <v>5</v>
      </c>
      <c r="F6" s="57" t="s">
        <v>6</v>
      </c>
      <c r="G6" s="57" t="s">
        <v>7</v>
      </c>
      <c r="H6" s="57" t="s">
        <v>8</v>
      </c>
      <c r="I6" s="57" t="s">
        <v>9</v>
      </c>
      <c r="J6" s="57" t="s">
        <v>10</v>
      </c>
    </row>
    <row r="7" spans="1:10" x14ac:dyDescent="0.25">
      <c r="A7" s="11" t="s">
        <v>981</v>
      </c>
      <c r="B7" s="11" t="s">
        <v>11</v>
      </c>
      <c r="C7" s="11" t="s">
        <v>12</v>
      </c>
      <c r="D7" s="11" t="s">
        <v>984</v>
      </c>
      <c r="E7" s="11" t="s">
        <v>45</v>
      </c>
      <c r="F7" s="27">
        <v>0.35</v>
      </c>
      <c r="G7" s="11" t="s">
        <v>11</v>
      </c>
      <c r="H7" s="11" t="s">
        <v>11</v>
      </c>
      <c r="I7" s="11" t="s">
        <v>11</v>
      </c>
      <c r="J7" s="11" t="s">
        <v>14</v>
      </c>
    </row>
    <row r="8" spans="1:10" x14ac:dyDescent="0.25">
      <c r="A8" s="11" t="s">
        <v>982</v>
      </c>
      <c r="B8" s="11" t="s">
        <v>11</v>
      </c>
      <c r="C8" s="11" t="s">
        <v>12</v>
      </c>
      <c r="D8" s="11" t="s">
        <v>984</v>
      </c>
      <c r="E8" s="11" t="s">
        <v>45</v>
      </c>
      <c r="F8" s="27">
        <v>0.35</v>
      </c>
      <c r="G8" s="11" t="s">
        <v>11</v>
      </c>
      <c r="H8" s="11" t="s">
        <v>11</v>
      </c>
      <c r="I8" s="11" t="s">
        <v>11</v>
      </c>
      <c r="J8" s="11" t="s">
        <v>14</v>
      </c>
    </row>
    <row r="9" spans="1:10" x14ac:dyDescent="0.25">
      <c r="A9" s="11" t="s">
        <v>983</v>
      </c>
      <c r="B9" s="11" t="s">
        <v>11</v>
      </c>
      <c r="C9" s="11" t="s">
        <v>12</v>
      </c>
      <c r="D9" s="11" t="s">
        <v>984</v>
      </c>
      <c r="E9" s="11" t="s">
        <v>45</v>
      </c>
      <c r="F9" s="27">
        <v>0.35</v>
      </c>
      <c r="G9" s="11" t="s">
        <v>11</v>
      </c>
      <c r="H9" s="11" t="s">
        <v>11</v>
      </c>
      <c r="I9" s="11" t="s">
        <v>11</v>
      </c>
      <c r="J9" s="11" t="s">
        <v>14</v>
      </c>
    </row>
  </sheetData>
  <mergeCells count="2">
    <mergeCell ref="A4:J4"/>
    <mergeCell ref="A5:J5"/>
  </mergeCells>
  <pageMargins left="0.511811024" right="0.511811024" top="0.78740157499999996" bottom="0.78740157499999996" header="0.31496062000000002" footer="0.3149606200000000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5"/>
  <sheetViews>
    <sheetView workbookViewId="0"/>
  </sheetViews>
  <sheetFormatPr defaultRowHeight="15" x14ac:dyDescent="0.25"/>
  <cols>
    <col min="2" max="2" width="9.42578125" bestFit="1" customWidth="1"/>
    <col min="3" max="3" width="10.42578125" bestFit="1" customWidth="1"/>
    <col min="4" max="4" width="14.7109375" bestFit="1" customWidth="1"/>
    <col min="5" max="5" width="43.5703125" bestFit="1" customWidth="1"/>
    <col min="6" max="6" width="7.710937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986</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47" customFormat="1" x14ac:dyDescent="0.25">
      <c r="A6" s="48" t="s">
        <v>0</v>
      </c>
      <c r="B6" s="48" t="s">
        <v>1</v>
      </c>
      <c r="C6" s="48" t="s">
        <v>2</v>
      </c>
      <c r="D6" s="48" t="s">
        <v>435</v>
      </c>
      <c r="E6" s="48" t="s">
        <v>5</v>
      </c>
      <c r="F6" s="48" t="s">
        <v>6</v>
      </c>
      <c r="G6" s="48" t="s">
        <v>7</v>
      </c>
      <c r="H6" s="48" t="s">
        <v>8</v>
      </c>
      <c r="I6" s="48" t="s">
        <v>9</v>
      </c>
      <c r="J6" s="48" t="s">
        <v>10</v>
      </c>
    </row>
    <row r="7" spans="1:10" x14ac:dyDescent="0.25">
      <c r="A7" s="11" t="s">
        <v>987</v>
      </c>
      <c r="B7" s="11" t="s">
        <v>11</v>
      </c>
      <c r="C7" s="11" t="s">
        <v>12</v>
      </c>
      <c r="D7" s="11" t="s">
        <v>1016</v>
      </c>
      <c r="E7" s="11" t="s">
        <v>45</v>
      </c>
      <c r="F7" s="16">
        <v>0.30000000000000004</v>
      </c>
      <c r="G7" s="11" t="s">
        <v>11</v>
      </c>
      <c r="H7" s="11" t="s">
        <v>11</v>
      </c>
      <c r="I7" s="11" t="s">
        <v>11</v>
      </c>
      <c r="J7" s="11" t="s">
        <v>14</v>
      </c>
    </row>
    <row r="8" spans="1:10" x14ac:dyDescent="0.25">
      <c r="A8" s="11" t="s">
        <v>988</v>
      </c>
      <c r="B8" s="11" t="s">
        <v>11</v>
      </c>
      <c r="C8" s="11" t="s">
        <v>12</v>
      </c>
      <c r="D8" s="11" t="s">
        <v>1016</v>
      </c>
      <c r="E8" s="11" t="s">
        <v>45</v>
      </c>
      <c r="F8" s="16">
        <v>0.30000000000000004</v>
      </c>
      <c r="G8" s="11" t="s">
        <v>11</v>
      </c>
      <c r="H8" s="11" t="s">
        <v>11</v>
      </c>
      <c r="I8" s="11" t="s">
        <v>11</v>
      </c>
      <c r="J8" s="11" t="s">
        <v>14</v>
      </c>
    </row>
    <row r="9" spans="1:10" x14ac:dyDescent="0.25">
      <c r="A9" s="11" t="s">
        <v>989</v>
      </c>
      <c r="B9" s="11" t="s">
        <v>11</v>
      </c>
      <c r="C9" s="11" t="s">
        <v>12</v>
      </c>
      <c r="D9" s="11" t="s">
        <v>1016</v>
      </c>
      <c r="E9" s="11" t="s">
        <v>45</v>
      </c>
      <c r="F9" s="16">
        <v>0.30000000000000004</v>
      </c>
      <c r="G9" s="11" t="s">
        <v>11</v>
      </c>
      <c r="H9" s="11" t="s">
        <v>11</v>
      </c>
      <c r="I9" s="11" t="s">
        <v>11</v>
      </c>
      <c r="J9" s="11" t="s">
        <v>14</v>
      </c>
    </row>
    <row r="10" spans="1:10" x14ac:dyDescent="0.25">
      <c r="A10" s="11" t="s">
        <v>990</v>
      </c>
      <c r="B10" s="11" t="s">
        <v>11</v>
      </c>
      <c r="C10" s="11" t="s">
        <v>12</v>
      </c>
      <c r="D10" s="11" t="s">
        <v>1016</v>
      </c>
      <c r="E10" s="11" t="s">
        <v>45</v>
      </c>
      <c r="F10" s="16">
        <v>0.30000000000000004</v>
      </c>
      <c r="G10" s="11" t="s">
        <v>11</v>
      </c>
      <c r="H10" s="11" t="s">
        <v>11</v>
      </c>
      <c r="I10" s="11" t="s">
        <v>11</v>
      </c>
      <c r="J10" s="11" t="s">
        <v>14</v>
      </c>
    </row>
    <row r="11" spans="1:10" x14ac:dyDescent="0.25">
      <c r="A11" s="11" t="s">
        <v>991</v>
      </c>
      <c r="B11" s="11" t="s">
        <v>11</v>
      </c>
      <c r="C11" s="11" t="s">
        <v>12</v>
      </c>
      <c r="D11" s="11" t="s">
        <v>1016</v>
      </c>
      <c r="E11" s="11" t="s">
        <v>45</v>
      </c>
      <c r="F11" s="16">
        <v>0.30000000000000004</v>
      </c>
      <c r="G11" s="11" t="s">
        <v>11</v>
      </c>
      <c r="H11" s="11" t="s">
        <v>11</v>
      </c>
      <c r="I11" s="11" t="s">
        <v>11</v>
      </c>
      <c r="J11" s="11" t="s">
        <v>14</v>
      </c>
    </row>
    <row r="12" spans="1:10" x14ac:dyDescent="0.25">
      <c r="A12" s="11" t="s">
        <v>992</v>
      </c>
      <c r="B12" s="11" t="s">
        <v>11</v>
      </c>
      <c r="C12" s="11" t="s">
        <v>12</v>
      </c>
      <c r="D12" s="11" t="s">
        <v>1016</v>
      </c>
      <c r="E12" s="11" t="s">
        <v>45</v>
      </c>
      <c r="F12" s="16">
        <v>0.30000000000000004</v>
      </c>
      <c r="G12" s="11" t="s">
        <v>11</v>
      </c>
      <c r="H12" s="11" t="s">
        <v>11</v>
      </c>
      <c r="I12" s="11" t="s">
        <v>11</v>
      </c>
      <c r="J12" s="11" t="s">
        <v>14</v>
      </c>
    </row>
    <row r="13" spans="1:10" x14ac:dyDescent="0.25">
      <c r="A13" s="11" t="s">
        <v>993</v>
      </c>
      <c r="B13" s="11" t="s">
        <v>11</v>
      </c>
      <c r="C13" s="11" t="s">
        <v>12</v>
      </c>
      <c r="D13" s="11" t="s">
        <v>1016</v>
      </c>
      <c r="E13" s="11" t="s">
        <v>45</v>
      </c>
      <c r="F13" s="16">
        <v>0.30000000000000004</v>
      </c>
      <c r="G13" s="11" t="s">
        <v>11</v>
      </c>
      <c r="H13" s="11" t="s">
        <v>11</v>
      </c>
      <c r="I13" s="11" t="s">
        <v>11</v>
      </c>
      <c r="J13" s="11" t="s">
        <v>14</v>
      </c>
    </row>
    <row r="14" spans="1:10" x14ac:dyDescent="0.25">
      <c r="A14" s="11" t="s">
        <v>994</v>
      </c>
      <c r="B14" s="11" t="s">
        <v>11</v>
      </c>
      <c r="C14" s="11" t="s">
        <v>12</v>
      </c>
      <c r="D14" s="11" t="s">
        <v>1016</v>
      </c>
      <c r="E14" s="11" t="s">
        <v>45</v>
      </c>
      <c r="F14" s="16">
        <v>0.30000000000000004</v>
      </c>
      <c r="G14" s="11" t="s">
        <v>11</v>
      </c>
      <c r="H14" s="11" t="s">
        <v>11</v>
      </c>
      <c r="I14" s="11" t="s">
        <v>11</v>
      </c>
      <c r="J14" s="11" t="s">
        <v>14</v>
      </c>
    </row>
    <row r="15" spans="1:10" x14ac:dyDescent="0.25">
      <c r="A15" s="11" t="s">
        <v>995</v>
      </c>
      <c r="B15" s="11" t="s">
        <v>11</v>
      </c>
      <c r="C15" s="11" t="s">
        <v>12</v>
      </c>
      <c r="D15" s="11" t="s">
        <v>1016</v>
      </c>
      <c r="E15" s="11" t="s">
        <v>45</v>
      </c>
      <c r="F15" s="16">
        <v>0.30000000000000004</v>
      </c>
      <c r="G15" s="11" t="s">
        <v>11</v>
      </c>
      <c r="H15" s="11" t="s">
        <v>11</v>
      </c>
      <c r="I15" s="11" t="s">
        <v>11</v>
      </c>
      <c r="J15" s="11" t="s">
        <v>14</v>
      </c>
    </row>
    <row r="16" spans="1:10" x14ac:dyDescent="0.25">
      <c r="A16" s="11" t="s">
        <v>996</v>
      </c>
      <c r="B16" s="11" t="s">
        <v>11</v>
      </c>
      <c r="C16" s="11" t="s">
        <v>12</v>
      </c>
      <c r="D16" s="11" t="s">
        <v>1016</v>
      </c>
      <c r="E16" s="11" t="s">
        <v>45</v>
      </c>
      <c r="F16" s="16">
        <v>0.30000000000000004</v>
      </c>
      <c r="G16" s="11" t="s">
        <v>11</v>
      </c>
      <c r="H16" s="11" t="s">
        <v>11</v>
      </c>
      <c r="I16" s="11" t="s">
        <v>11</v>
      </c>
      <c r="J16" s="11" t="s">
        <v>14</v>
      </c>
    </row>
    <row r="17" spans="1:10" x14ac:dyDescent="0.25">
      <c r="A17" s="11" t="s">
        <v>997</v>
      </c>
      <c r="B17" s="11" t="s">
        <v>11</v>
      </c>
      <c r="C17" s="11" t="s">
        <v>12</v>
      </c>
      <c r="D17" s="11" t="s">
        <v>1016</v>
      </c>
      <c r="E17" s="11" t="s">
        <v>45</v>
      </c>
      <c r="F17" s="16">
        <v>0.30000000000000004</v>
      </c>
      <c r="G17" s="11" t="s">
        <v>11</v>
      </c>
      <c r="H17" s="11" t="s">
        <v>11</v>
      </c>
      <c r="I17" s="11" t="s">
        <v>11</v>
      </c>
      <c r="J17" s="11" t="s">
        <v>14</v>
      </c>
    </row>
    <row r="18" spans="1:10" x14ac:dyDescent="0.25">
      <c r="A18" s="11" t="s">
        <v>998</v>
      </c>
      <c r="B18" s="11" t="s">
        <v>11</v>
      </c>
      <c r="C18" s="11" t="s">
        <v>12</v>
      </c>
      <c r="D18" s="11" t="s">
        <v>1016</v>
      </c>
      <c r="E18" s="11" t="s">
        <v>45</v>
      </c>
      <c r="F18" s="16">
        <v>0.30000000000000004</v>
      </c>
      <c r="G18" s="11" t="s">
        <v>11</v>
      </c>
      <c r="H18" s="11" t="s">
        <v>11</v>
      </c>
      <c r="I18" s="11" t="s">
        <v>11</v>
      </c>
      <c r="J18" s="11" t="s">
        <v>14</v>
      </c>
    </row>
    <row r="19" spans="1:10" x14ac:dyDescent="0.25">
      <c r="A19" s="11" t="s">
        <v>999</v>
      </c>
      <c r="B19" s="11" t="s">
        <v>11</v>
      </c>
      <c r="C19" s="11" t="s">
        <v>12</v>
      </c>
      <c r="D19" s="11" t="s">
        <v>1016</v>
      </c>
      <c r="E19" s="11" t="s">
        <v>45</v>
      </c>
      <c r="F19" s="16">
        <v>0.30000000000000004</v>
      </c>
      <c r="G19" s="11" t="s">
        <v>11</v>
      </c>
      <c r="H19" s="11" t="s">
        <v>11</v>
      </c>
      <c r="I19" s="11" t="s">
        <v>11</v>
      </c>
      <c r="J19" s="11" t="s">
        <v>14</v>
      </c>
    </row>
    <row r="20" spans="1:10" x14ac:dyDescent="0.25">
      <c r="A20" s="11" t="s">
        <v>1000</v>
      </c>
      <c r="B20" s="11" t="s">
        <v>11</v>
      </c>
      <c r="C20" s="11" t="s">
        <v>12</v>
      </c>
      <c r="D20" s="11" t="s">
        <v>1016</v>
      </c>
      <c r="E20" s="11" t="s">
        <v>45</v>
      </c>
      <c r="F20" s="16">
        <v>0.30000000000000004</v>
      </c>
      <c r="G20" s="11" t="s">
        <v>11</v>
      </c>
      <c r="H20" s="11" t="s">
        <v>11</v>
      </c>
      <c r="I20" s="11" t="s">
        <v>11</v>
      </c>
      <c r="J20" s="11" t="s">
        <v>14</v>
      </c>
    </row>
    <row r="21" spans="1:10" x14ac:dyDescent="0.25">
      <c r="A21" s="11" t="s">
        <v>1001</v>
      </c>
      <c r="B21" s="11" t="s">
        <v>11</v>
      </c>
      <c r="C21" s="11" t="s">
        <v>12</v>
      </c>
      <c r="D21" s="11" t="s">
        <v>1016</v>
      </c>
      <c r="E21" s="11" t="s">
        <v>45</v>
      </c>
      <c r="F21" s="16">
        <v>0.30000000000000004</v>
      </c>
      <c r="G21" s="11" t="s">
        <v>11</v>
      </c>
      <c r="H21" s="11" t="s">
        <v>11</v>
      </c>
      <c r="I21" s="11" t="s">
        <v>11</v>
      </c>
      <c r="J21" s="11" t="s">
        <v>14</v>
      </c>
    </row>
    <row r="22" spans="1:10" x14ac:dyDescent="0.25">
      <c r="A22" s="11" t="s">
        <v>1002</v>
      </c>
      <c r="B22" s="11" t="s">
        <v>11</v>
      </c>
      <c r="C22" s="11" t="s">
        <v>12</v>
      </c>
      <c r="D22" s="11" t="s">
        <v>1016</v>
      </c>
      <c r="E22" s="11" t="s">
        <v>45</v>
      </c>
      <c r="F22" s="16">
        <v>0.30000000000000004</v>
      </c>
      <c r="G22" s="11" t="s">
        <v>11</v>
      </c>
      <c r="H22" s="11" t="s">
        <v>11</v>
      </c>
      <c r="I22" s="11" t="s">
        <v>11</v>
      </c>
      <c r="J22" s="11" t="s">
        <v>14</v>
      </c>
    </row>
    <row r="23" spans="1:10" x14ac:dyDescent="0.25">
      <c r="A23" s="11" t="s">
        <v>1003</v>
      </c>
      <c r="B23" s="11" t="s">
        <v>11</v>
      </c>
      <c r="C23" s="11" t="s">
        <v>12</v>
      </c>
      <c r="D23" s="11" t="s">
        <v>1016</v>
      </c>
      <c r="E23" s="11" t="s">
        <v>45</v>
      </c>
      <c r="F23" s="16">
        <v>0.30000000000000004</v>
      </c>
      <c r="G23" s="11" t="s">
        <v>11</v>
      </c>
      <c r="H23" s="11" t="s">
        <v>11</v>
      </c>
      <c r="I23" s="11" t="s">
        <v>11</v>
      </c>
      <c r="J23" s="11" t="s">
        <v>14</v>
      </c>
    </row>
    <row r="24" spans="1:10" x14ac:dyDescent="0.25">
      <c r="A24" s="11" t="s">
        <v>1004</v>
      </c>
      <c r="B24" s="11" t="s">
        <v>11</v>
      </c>
      <c r="C24" s="11" t="s">
        <v>12</v>
      </c>
      <c r="D24" s="11" t="s">
        <v>1016</v>
      </c>
      <c r="E24" s="11" t="s">
        <v>45</v>
      </c>
      <c r="F24" s="16">
        <v>0.30000000000000004</v>
      </c>
      <c r="G24" s="11" t="s">
        <v>11</v>
      </c>
      <c r="H24" s="11" t="s">
        <v>11</v>
      </c>
      <c r="I24" s="11" t="s">
        <v>11</v>
      </c>
      <c r="J24" s="11" t="s">
        <v>14</v>
      </c>
    </row>
    <row r="25" spans="1:10" x14ac:dyDescent="0.25">
      <c r="A25" s="11" t="s">
        <v>1005</v>
      </c>
      <c r="B25" s="11" t="s">
        <v>11</v>
      </c>
      <c r="C25" s="11" t="s">
        <v>12</v>
      </c>
      <c r="D25" s="11" t="s">
        <v>1016</v>
      </c>
      <c r="E25" s="11" t="s">
        <v>45</v>
      </c>
      <c r="F25" s="16">
        <v>0.30000000000000004</v>
      </c>
      <c r="G25" s="11" t="s">
        <v>11</v>
      </c>
      <c r="H25" s="11" t="s">
        <v>11</v>
      </c>
      <c r="I25" s="11" t="s">
        <v>11</v>
      </c>
      <c r="J25" s="11" t="s">
        <v>14</v>
      </c>
    </row>
    <row r="26" spans="1:10" x14ac:dyDescent="0.25">
      <c r="A26" s="11" t="s">
        <v>1006</v>
      </c>
      <c r="B26" s="11" t="s">
        <v>11</v>
      </c>
      <c r="C26" s="11" t="s">
        <v>12</v>
      </c>
      <c r="D26" s="11" t="s">
        <v>1016</v>
      </c>
      <c r="E26" s="11" t="s">
        <v>45</v>
      </c>
      <c r="F26" s="16">
        <v>0.30000000000000004</v>
      </c>
      <c r="G26" s="11" t="s">
        <v>11</v>
      </c>
      <c r="H26" s="11" t="s">
        <v>11</v>
      </c>
      <c r="I26" s="11" t="s">
        <v>11</v>
      </c>
      <c r="J26" s="11" t="s">
        <v>14</v>
      </c>
    </row>
    <row r="27" spans="1:10" x14ac:dyDescent="0.25">
      <c r="A27" s="11" t="s">
        <v>1007</v>
      </c>
      <c r="B27" s="11" t="s">
        <v>11</v>
      </c>
      <c r="C27" s="11" t="s">
        <v>12</v>
      </c>
      <c r="D27" s="11" t="s">
        <v>1016</v>
      </c>
      <c r="E27" s="11" t="s">
        <v>45</v>
      </c>
      <c r="F27" s="16">
        <v>0.30000000000000004</v>
      </c>
      <c r="G27" s="11" t="s">
        <v>11</v>
      </c>
      <c r="H27" s="11" t="s">
        <v>11</v>
      </c>
      <c r="I27" s="11" t="s">
        <v>11</v>
      </c>
      <c r="J27" s="11" t="s">
        <v>14</v>
      </c>
    </row>
    <row r="28" spans="1:10" x14ac:dyDescent="0.25">
      <c r="A28" s="11" t="s">
        <v>1008</v>
      </c>
      <c r="B28" s="11" t="s">
        <v>11</v>
      </c>
      <c r="C28" s="11" t="s">
        <v>12</v>
      </c>
      <c r="D28" s="11" t="s">
        <v>1016</v>
      </c>
      <c r="E28" s="11" t="s">
        <v>45</v>
      </c>
      <c r="F28" s="16">
        <v>0.30000000000000004</v>
      </c>
      <c r="G28" s="11" t="s">
        <v>11</v>
      </c>
      <c r="H28" s="11" t="s">
        <v>11</v>
      </c>
      <c r="I28" s="11" t="s">
        <v>11</v>
      </c>
      <c r="J28" s="11" t="s">
        <v>14</v>
      </c>
    </row>
    <row r="29" spans="1:10" x14ac:dyDescent="0.25">
      <c r="A29" s="11" t="s">
        <v>1009</v>
      </c>
      <c r="B29" s="11" t="s">
        <v>11</v>
      </c>
      <c r="C29" s="11" t="s">
        <v>12</v>
      </c>
      <c r="D29" s="11" t="s">
        <v>1016</v>
      </c>
      <c r="E29" s="11" t="s">
        <v>45</v>
      </c>
      <c r="F29" s="16">
        <v>0.30000000000000004</v>
      </c>
      <c r="G29" s="11" t="s">
        <v>11</v>
      </c>
      <c r="H29" s="11" t="s">
        <v>11</v>
      </c>
      <c r="I29" s="11" t="s">
        <v>11</v>
      </c>
      <c r="J29" s="11" t="s">
        <v>14</v>
      </c>
    </row>
    <row r="30" spans="1:10" x14ac:dyDescent="0.25">
      <c r="A30" s="11" t="s">
        <v>1010</v>
      </c>
      <c r="B30" s="11" t="s">
        <v>11</v>
      </c>
      <c r="C30" s="11" t="s">
        <v>12</v>
      </c>
      <c r="D30" s="11" t="s">
        <v>1016</v>
      </c>
      <c r="E30" s="11" t="s">
        <v>45</v>
      </c>
      <c r="F30" s="16">
        <v>0.30000000000000004</v>
      </c>
      <c r="G30" s="11" t="s">
        <v>11</v>
      </c>
      <c r="H30" s="11" t="s">
        <v>11</v>
      </c>
      <c r="I30" s="11" t="s">
        <v>11</v>
      </c>
      <c r="J30" s="11" t="s">
        <v>14</v>
      </c>
    </row>
    <row r="31" spans="1:10" x14ac:dyDescent="0.25">
      <c r="A31" s="11" t="s">
        <v>1011</v>
      </c>
      <c r="B31" s="11" t="s">
        <v>11</v>
      </c>
      <c r="C31" s="11" t="s">
        <v>12</v>
      </c>
      <c r="D31" s="11" t="s">
        <v>1016</v>
      </c>
      <c r="E31" s="11" t="s">
        <v>45</v>
      </c>
      <c r="F31" s="16">
        <v>0.30000000000000004</v>
      </c>
      <c r="G31" s="11" t="s">
        <v>11</v>
      </c>
      <c r="H31" s="11" t="s">
        <v>11</v>
      </c>
      <c r="I31" s="11" t="s">
        <v>11</v>
      </c>
      <c r="J31" s="11" t="s">
        <v>14</v>
      </c>
    </row>
    <row r="32" spans="1:10" x14ac:dyDescent="0.25">
      <c r="A32" s="11" t="s">
        <v>1012</v>
      </c>
      <c r="B32" s="11" t="s">
        <v>11</v>
      </c>
      <c r="C32" s="11" t="s">
        <v>12</v>
      </c>
      <c r="D32" s="11" t="s">
        <v>1016</v>
      </c>
      <c r="E32" s="11" t="s">
        <v>45</v>
      </c>
      <c r="F32" s="16">
        <v>0.30000000000000004</v>
      </c>
      <c r="G32" s="11" t="s">
        <v>11</v>
      </c>
      <c r="H32" s="11" t="s">
        <v>11</v>
      </c>
      <c r="I32" s="11" t="s">
        <v>11</v>
      </c>
      <c r="J32" s="11" t="s">
        <v>14</v>
      </c>
    </row>
    <row r="33" spans="1:10" x14ac:dyDescent="0.25">
      <c r="A33" s="11" t="s">
        <v>1013</v>
      </c>
      <c r="B33" s="11" t="s">
        <v>11</v>
      </c>
      <c r="C33" s="11" t="s">
        <v>12</v>
      </c>
      <c r="D33" s="11" t="s">
        <v>1016</v>
      </c>
      <c r="E33" s="11" t="s">
        <v>45</v>
      </c>
      <c r="F33" s="16">
        <v>0.30000000000000004</v>
      </c>
      <c r="G33" s="11" t="s">
        <v>11</v>
      </c>
      <c r="H33" s="11" t="s">
        <v>11</v>
      </c>
      <c r="I33" s="11" t="s">
        <v>11</v>
      </c>
      <c r="J33" s="11" t="s">
        <v>14</v>
      </c>
    </row>
    <row r="34" spans="1:10" x14ac:dyDescent="0.25">
      <c r="A34" s="11" t="s">
        <v>1014</v>
      </c>
      <c r="B34" s="11" t="s">
        <v>11</v>
      </c>
      <c r="C34" s="11" t="s">
        <v>12</v>
      </c>
      <c r="D34" s="11" t="s">
        <v>1016</v>
      </c>
      <c r="E34" s="11" t="s">
        <v>45</v>
      </c>
      <c r="F34" s="16">
        <v>0.30000000000000004</v>
      </c>
      <c r="G34" s="11" t="s">
        <v>11</v>
      </c>
      <c r="H34" s="11" t="s">
        <v>11</v>
      </c>
      <c r="I34" s="11" t="s">
        <v>11</v>
      </c>
      <c r="J34" s="11" t="s">
        <v>14</v>
      </c>
    </row>
    <row r="35" spans="1:10" x14ac:dyDescent="0.25">
      <c r="A35" s="11" t="s">
        <v>1015</v>
      </c>
      <c r="B35" s="11" t="s">
        <v>11</v>
      </c>
      <c r="C35" s="11" t="s">
        <v>12</v>
      </c>
      <c r="D35" s="11" t="s">
        <v>1016</v>
      </c>
      <c r="E35" s="11" t="s">
        <v>45</v>
      </c>
      <c r="F35" s="16">
        <v>0.30000000000000004</v>
      </c>
      <c r="G35" s="11" t="s">
        <v>11</v>
      </c>
      <c r="H35" s="11" t="s">
        <v>11</v>
      </c>
      <c r="I35" s="11" t="s">
        <v>11</v>
      </c>
      <c r="J35" s="11" t="s">
        <v>14</v>
      </c>
    </row>
  </sheetData>
  <mergeCells count="2">
    <mergeCell ref="A4:J4"/>
    <mergeCell ref="A5:J5"/>
  </mergeCells>
  <pageMargins left="0.511811024" right="0.511811024" top="0.78740157499999996" bottom="0.78740157499999996" header="0.31496062000000002" footer="0.3149606200000000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7"/>
  <sheetViews>
    <sheetView workbookViewId="0"/>
  </sheetViews>
  <sheetFormatPr defaultRowHeight="15" x14ac:dyDescent="0.25"/>
  <cols>
    <col min="4" max="4" width="14.7109375" bestFit="1" customWidth="1"/>
    <col min="5" max="5" width="43.5703125" bestFit="1" customWidth="1"/>
    <col min="6" max="6" width="7.85546875" bestFit="1" customWidth="1"/>
    <col min="7" max="7" width="16.5703125" bestFit="1" customWidth="1"/>
    <col min="8" max="8" width="4.28515625" bestFit="1" customWidth="1"/>
    <col min="9" max="9" width="25" bestFit="1" customWidth="1"/>
    <col min="10" max="10" width="12"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1017</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7" customFormat="1" ht="30" x14ac:dyDescent="0.25">
      <c r="A6" s="23" t="s">
        <v>0</v>
      </c>
      <c r="B6" s="23" t="s">
        <v>1</v>
      </c>
      <c r="C6" s="23" t="s">
        <v>2</v>
      </c>
      <c r="D6" s="23" t="s">
        <v>435</v>
      </c>
      <c r="E6" s="23" t="s">
        <v>5</v>
      </c>
      <c r="F6" s="23" t="s">
        <v>6</v>
      </c>
      <c r="G6" s="23" t="s">
        <v>7</v>
      </c>
      <c r="H6" s="23" t="s">
        <v>8</v>
      </c>
      <c r="I6" s="23" t="s">
        <v>9</v>
      </c>
      <c r="J6" s="23" t="s">
        <v>10</v>
      </c>
    </row>
    <row r="7" spans="1:10" x14ac:dyDescent="0.25">
      <c r="A7" s="11" t="s">
        <v>1018</v>
      </c>
      <c r="B7" s="11" t="s">
        <v>11</v>
      </c>
      <c r="C7" s="11" t="s">
        <v>12</v>
      </c>
      <c r="D7" s="11" t="s">
        <v>1019</v>
      </c>
      <c r="E7" s="11" t="s">
        <v>45</v>
      </c>
      <c r="F7" s="27">
        <v>0.34</v>
      </c>
      <c r="G7" s="11" t="s">
        <v>11</v>
      </c>
      <c r="H7" s="11" t="s">
        <v>11</v>
      </c>
      <c r="I7" s="11" t="s">
        <v>11</v>
      </c>
      <c r="J7" s="11" t="s">
        <v>14</v>
      </c>
    </row>
  </sheetData>
  <mergeCells count="2">
    <mergeCell ref="A4:J4"/>
    <mergeCell ref="A5:J5"/>
  </mergeCells>
  <pageMargins left="0.511811024" right="0.511811024" top="0.78740157499999996" bottom="0.78740157499999996" header="0.31496062000000002" footer="0.3149606200000000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4"/>
  <sheetViews>
    <sheetView workbookViewId="0"/>
  </sheetViews>
  <sheetFormatPr defaultRowHeight="15" x14ac:dyDescent="0.25"/>
  <cols>
    <col min="2" max="2" width="9.42578125" customWidth="1"/>
    <col min="3" max="3" width="10.42578125" customWidth="1"/>
    <col min="4" max="4" width="13.5703125" customWidth="1"/>
    <col min="5" max="5" width="43.5703125" customWidth="1"/>
    <col min="6" max="6" width="7.7109375" customWidth="1"/>
    <col min="7" max="7" width="16.5703125" customWidth="1"/>
    <col min="8" max="8" width="4.28515625" customWidth="1"/>
    <col min="9" max="9" width="24.85546875" customWidth="1"/>
    <col min="10" max="10" width="11.85546875" bestFit="1" customWidth="1"/>
  </cols>
  <sheetData>
    <row r="1" spans="1:11" x14ac:dyDescent="0.25">
      <c r="A1" s="5" t="s">
        <v>184</v>
      </c>
      <c r="I1" s="3"/>
      <c r="J1" s="3"/>
    </row>
    <row r="2" spans="1:11" x14ac:dyDescent="0.25">
      <c r="A2" s="5" t="s">
        <v>181</v>
      </c>
      <c r="I2" s="3"/>
      <c r="J2" s="3"/>
    </row>
    <row r="3" spans="1:11" x14ac:dyDescent="0.25">
      <c r="A3" s="5" t="s">
        <v>182</v>
      </c>
      <c r="I3" s="3"/>
      <c r="J3" s="3"/>
    </row>
    <row r="4" spans="1:11" x14ac:dyDescent="0.25">
      <c r="A4" s="45" t="s">
        <v>1020</v>
      </c>
      <c r="B4" s="45"/>
      <c r="C4" s="45"/>
      <c r="D4" s="45"/>
      <c r="E4" s="45"/>
      <c r="F4" s="45"/>
      <c r="G4" s="45"/>
      <c r="H4" s="45"/>
      <c r="I4" s="45"/>
      <c r="J4" s="45"/>
    </row>
    <row r="5" spans="1:11" ht="95.25" customHeight="1" x14ac:dyDescent="0.25">
      <c r="A5" s="46" t="s">
        <v>180</v>
      </c>
      <c r="B5" s="46"/>
      <c r="C5" s="46"/>
      <c r="D5" s="46"/>
      <c r="E5" s="46"/>
      <c r="F5" s="46"/>
      <c r="G5" s="46"/>
      <c r="H5" s="46"/>
      <c r="I5" s="46"/>
      <c r="J5" s="46"/>
    </row>
    <row r="6" spans="1:11" s="47" customFormat="1" x14ac:dyDescent="0.25">
      <c r="A6" s="62" t="s">
        <v>0</v>
      </c>
      <c r="B6" s="62" t="s">
        <v>1</v>
      </c>
      <c r="C6" s="62" t="s">
        <v>2</v>
      </c>
      <c r="D6" s="62" t="s">
        <v>435</v>
      </c>
      <c r="E6" s="62" t="s">
        <v>5</v>
      </c>
      <c r="F6" s="62" t="s">
        <v>6</v>
      </c>
      <c r="G6" s="62" t="s">
        <v>7</v>
      </c>
      <c r="H6" s="62" t="s">
        <v>8</v>
      </c>
      <c r="I6" s="62" t="s">
        <v>9</v>
      </c>
      <c r="J6" s="62" t="s">
        <v>10</v>
      </c>
    </row>
    <row r="7" spans="1:11" x14ac:dyDescent="0.25">
      <c r="A7" s="61" t="s">
        <v>1021</v>
      </c>
      <c r="B7" s="11" t="s">
        <v>11</v>
      </c>
      <c r="C7" s="11" t="s">
        <v>12</v>
      </c>
      <c r="D7" s="11" t="s">
        <v>1059</v>
      </c>
      <c r="E7" s="11" t="s">
        <v>45</v>
      </c>
      <c r="F7" s="63">
        <v>0.37630000000000002</v>
      </c>
      <c r="G7" s="11" t="s">
        <v>11</v>
      </c>
      <c r="H7" s="11" t="s">
        <v>11</v>
      </c>
      <c r="I7" s="11" t="s">
        <v>16</v>
      </c>
      <c r="J7" s="11" t="s">
        <v>17</v>
      </c>
    </row>
    <row r="8" spans="1:11" x14ac:dyDescent="0.25">
      <c r="A8" s="61" t="s">
        <v>1022</v>
      </c>
      <c r="B8" s="11" t="s">
        <v>11</v>
      </c>
      <c r="C8" s="11" t="s">
        <v>12</v>
      </c>
      <c r="D8" s="11" t="s">
        <v>1059</v>
      </c>
      <c r="E8" s="11" t="s">
        <v>45</v>
      </c>
      <c r="F8" s="63">
        <v>0.37630000000000002</v>
      </c>
      <c r="G8" s="11" t="s">
        <v>11</v>
      </c>
      <c r="H8" s="11" t="s">
        <v>11</v>
      </c>
      <c r="I8" s="11" t="s">
        <v>11</v>
      </c>
      <c r="J8" s="11">
        <v>20</v>
      </c>
    </row>
    <row r="9" spans="1:11" x14ac:dyDescent="0.25">
      <c r="A9" s="61" t="s">
        <v>1023</v>
      </c>
      <c r="B9" s="11" t="s">
        <v>11</v>
      </c>
      <c r="C9" s="11" t="s">
        <v>12</v>
      </c>
      <c r="D9" s="11" t="s">
        <v>1059</v>
      </c>
      <c r="E9" s="11" t="s">
        <v>45</v>
      </c>
      <c r="F9" s="63">
        <v>0.37630000000000002</v>
      </c>
      <c r="G9" s="11" t="s">
        <v>11</v>
      </c>
      <c r="H9" s="11" t="s">
        <v>11</v>
      </c>
      <c r="I9" s="11" t="s">
        <v>11</v>
      </c>
      <c r="J9" s="11">
        <v>20</v>
      </c>
    </row>
    <row r="10" spans="1:11" x14ac:dyDescent="0.25">
      <c r="A10" s="61" t="s">
        <v>1024</v>
      </c>
      <c r="B10" s="11" t="s">
        <v>11</v>
      </c>
      <c r="C10" s="11" t="s">
        <v>12</v>
      </c>
      <c r="D10" s="11" t="s">
        <v>1059</v>
      </c>
      <c r="E10" s="11" t="s">
        <v>45</v>
      </c>
      <c r="F10" s="63">
        <v>0.37630000000000002</v>
      </c>
      <c r="G10" s="11" t="s">
        <v>11</v>
      </c>
      <c r="H10" s="11" t="s">
        <v>11</v>
      </c>
      <c r="I10" s="11" t="s">
        <v>11</v>
      </c>
      <c r="J10" s="11">
        <v>20</v>
      </c>
    </row>
    <row r="11" spans="1:11" x14ac:dyDescent="0.25">
      <c r="A11" s="61" t="s">
        <v>1025</v>
      </c>
      <c r="B11" s="11" t="s">
        <v>11</v>
      </c>
      <c r="C11" s="11" t="s">
        <v>12</v>
      </c>
      <c r="D11" s="11" t="s">
        <v>1059</v>
      </c>
      <c r="E11" s="11" t="s">
        <v>45</v>
      </c>
      <c r="F11" s="63">
        <v>0.37630000000000002</v>
      </c>
      <c r="G11" s="11" t="s">
        <v>11</v>
      </c>
      <c r="H11" s="11" t="s">
        <v>11</v>
      </c>
      <c r="I11" s="11" t="s">
        <v>11</v>
      </c>
      <c r="J11" s="11">
        <v>20</v>
      </c>
    </row>
    <row r="12" spans="1:11" x14ac:dyDescent="0.25">
      <c r="A12" s="61" t="s">
        <v>1026</v>
      </c>
      <c r="B12" s="11" t="s">
        <v>11</v>
      </c>
      <c r="C12" s="11" t="s">
        <v>12</v>
      </c>
      <c r="D12" s="11" t="s">
        <v>1059</v>
      </c>
      <c r="E12" s="11" t="s">
        <v>45</v>
      </c>
      <c r="F12" s="63">
        <v>0.37630000000000002</v>
      </c>
      <c r="G12" s="11" t="s">
        <v>11</v>
      </c>
      <c r="H12" s="11" t="s">
        <v>11</v>
      </c>
      <c r="I12" s="11" t="s">
        <v>11</v>
      </c>
      <c r="J12" s="11">
        <v>20</v>
      </c>
    </row>
    <row r="13" spans="1:11" x14ac:dyDescent="0.25">
      <c r="A13" s="61" t="s">
        <v>1027</v>
      </c>
      <c r="B13" s="11" t="s">
        <v>11</v>
      </c>
      <c r="C13" s="11" t="s">
        <v>12</v>
      </c>
      <c r="D13" s="11" t="s">
        <v>1059</v>
      </c>
      <c r="E13" s="11" t="s">
        <v>45</v>
      </c>
      <c r="F13" s="63">
        <v>0.37630000000000002</v>
      </c>
      <c r="G13" s="11" t="s">
        <v>11</v>
      </c>
      <c r="H13" s="11" t="s">
        <v>11</v>
      </c>
      <c r="I13" s="11" t="s">
        <v>11</v>
      </c>
      <c r="J13" s="11">
        <v>20</v>
      </c>
    </row>
    <row r="14" spans="1:11" x14ac:dyDescent="0.25">
      <c r="A14" s="61" t="s">
        <v>1028</v>
      </c>
      <c r="B14" s="11" t="s">
        <v>11</v>
      </c>
      <c r="C14" s="11" t="s">
        <v>12</v>
      </c>
      <c r="D14" s="11" t="s">
        <v>1059</v>
      </c>
      <c r="E14" s="11" t="s">
        <v>45</v>
      </c>
      <c r="F14" s="63">
        <v>0.37630000000000002</v>
      </c>
      <c r="G14" s="11" t="s">
        <v>11</v>
      </c>
      <c r="H14" s="11" t="s">
        <v>11</v>
      </c>
      <c r="I14" s="11" t="s">
        <v>11</v>
      </c>
      <c r="J14" s="11">
        <v>20</v>
      </c>
    </row>
    <row r="15" spans="1:11" x14ac:dyDescent="0.25">
      <c r="A15" s="61" t="s">
        <v>1029</v>
      </c>
      <c r="B15" s="11" t="s">
        <v>11</v>
      </c>
      <c r="C15" s="11" t="s">
        <v>12</v>
      </c>
      <c r="D15" s="11" t="s">
        <v>1059</v>
      </c>
      <c r="E15" s="11" t="s">
        <v>45</v>
      </c>
      <c r="F15" s="63">
        <v>0.37630000000000002</v>
      </c>
      <c r="G15" s="11" t="s">
        <v>11</v>
      </c>
      <c r="H15" s="11" t="s">
        <v>11</v>
      </c>
      <c r="I15" s="11" t="s">
        <v>11</v>
      </c>
      <c r="J15" s="11">
        <v>20</v>
      </c>
    </row>
    <row r="16" spans="1:11" x14ac:dyDescent="0.25">
      <c r="A16" s="61" t="s">
        <v>1030</v>
      </c>
      <c r="B16" s="11" t="s">
        <v>11</v>
      </c>
      <c r="C16" s="11" t="s">
        <v>12</v>
      </c>
      <c r="D16" s="11" t="s">
        <v>1059</v>
      </c>
      <c r="E16" s="11" t="s">
        <v>45</v>
      </c>
      <c r="F16" s="63">
        <v>0.37630000000000002</v>
      </c>
      <c r="G16" s="11" t="s">
        <v>11</v>
      </c>
      <c r="H16" s="11" t="s">
        <v>11</v>
      </c>
      <c r="I16" s="11" t="s">
        <v>11</v>
      </c>
      <c r="J16" s="11" t="s">
        <v>14</v>
      </c>
      <c r="K16" s="64"/>
    </row>
    <row r="17" spans="1:10" x14ac:dyDescent="0.25">
      <c r="A17" s="61" t="s">
        <v>1031</v>
      </c>
      <c r="B17" s="11" t="s">
        <v>11</v>
      </c>
      <c r="C17" s="11" t="s">
        <v>12</v>
      </c>
      <c r="D17" s="11" t="s">
        <v>1059</v>
      </c>
      <c r="E17" s="11" t="s">
        <v>45</v>
      </c>
      <c r="F17" s="63">
        <v>0.37630000000000002</v>
      </c>
      <c r="G17" s="11" t="s">
        <v>11</v>
      </c>
      <c r="H17" s="11" t="s">
        <v>11</v>
      </c>
      <c r="I17" s="11" t="s">
        <v>11</v>
      </c>
      <c r="J17" s="11" t="s">
        <v>14</v>
      </c>
    </row>
    <row r="18" spans="1:10" x14ac:dyDescent="0.25">
      <c r="A18" s="61" t="s">
        <v>1032</v>
      </c>
      <c r="B18" s="11" t="s">
        <v>11</v>
      </c>
      <c r="C18" s="11" t="s">
        <v>12</v>
      </c>
      <c r="D18" s="11" t="s">
        <v>1059</v>
      </c>
      <c r="E18" s="11" t="s">
        <v>45</v>
      </c>
      <c r="F18" s="63">
        <v>0.37630000000000002</v>
      </c>
      <c r="G18" s="11" t="s">
        <v>11</v>
      </c>
      <c r="H18" s="11" t="s">
        <v>11</v>
      </c>
      <c r="I18" s="11" t="s">
        <v>11</v>
      </c>
      <c r="J18" s="11">
        <v>20</v>
      </c>
    </row>
    <row r="19" spans="1:10" x14ac:dyDescent="0.25">
      <c r="A19" s="61" t="s">
        <v>1033</v>
      </c>
      <c r="B19" s="11" t="s">
        <v>11</v>
      </c>
      <c r="C19" s="11" t="s">
        <v>12</v>
      </c>
      <c r="D19" s="11" t="s">
        <v>1059</v>
      </c>
      <c r="E19" s="11" t="s">
        <v>45</v>
      </c>
      <c r="F19" s="63">
        <v>0.37630000000000002</v>
      </c>
      <c r="G19" s="11" t="s">
        <v>11</v>
      </c>
      <c r="H19" s="11" t="s">
        <v>11</v>
      </c>
      <c r="I19" s="11" t="s">
        <v>11</v>
      </c>
      <c r="J19" s="11">
        <v>20</v>
      </c>
    </row>
    <row r="20" spans="1:10" x14ac:dyDescent="0.25">
      <c r="A20" s="61" t="s">
        <v>1034</v>
      </c>
      <c r="B20" s="11" t="s">
        <v>11</v>
      </c>
      <c r="C20" s="11" t="s">
        <v>12</v>
      </c>
      <c r="D20" s="11" t="s">
        <v>1059</v>
      </c>
      <c r="E20" s="11" t="s">
        <v>45</v>
      </c>
      <c r="F20" s="63">
        <v>0.37630000000000002</v>
      </c>
      <c r="G20" s="11" t="s">
        <v>11</v>
      </c>
      <c r="H20" s="11" t="s">
        <v>11</v>
      </c>
      <c r="I20" s="11" t="s">
        <v>11</v>
      </c>
      <c r="J20" s="11">
        <v>20</v>
      </c>
    </row>
    <row r="21" spans="1:10" x14ac:dyDescent="0.25">
      <c r="A21" s="61" t="s">
        <v>1035</v>
      </c>
      <c r="B21" s="11" t="s">
        <v>11</v>
      </c>
      <c r="C21" s="11" t="s">
        <v>12</v>
      </c>
      <c r="D21" s="11" t="s">
        <v>1059</v>
      </c>
      <c r="E21" s="11" t="s">
        <v>45</v>
      </c>
      <c r="F21" s="63">
        <v>0.37630000000000002</v>
      </c>
      <c r="G21" s="11" t="s">
        <v>11</v>
      </c>
      <c r="H21" s="11" t="s">
        <v>11</v>
      </c>
      <c r="I21" s="11" t="s">
        <v>11</v>
      </c>
      <c r="J21" s="11" t="s">
        <v>14</v>
      </c>
    </row>
    <row r="22" spans="1:10" x14ac:dyDescent="0.25">
      <c r="A22" s="61" t="s">
        <v>1036</v>
      </c>
      <c r="B22" s="11" t="s">
        <v>11</v>
      </c>
      <c r="C22" s="11" t="s">
        <v>12</v>
      </c>
      <c r="D22" s="11" t="s">
        <v>1059</v>
      </c>
      <c r="E22" s="11" t="s">
        <v>45</v>
      </c>
      <c r="F22" s="63">
        <v>0.37630000000000002</v>
      </c>
      <c r="G22" s="11" t="s">
        <v>11</v>
      </c>
      <c r="H22" s="11" t="s">
        <v>11</v>
      </c>
      <c r="I22" s="11" t="s">
        <v>11</v>
      </c>
      <c r="J22" s="11" t="s">
        <v>14</v>
      </c>
    </row>
    <row r="23" spans="1:10" x14ac:dyDescent="0.25">
      <c r="A23" s="61" t="s">
        <v>1037</v>
      </c>
      <c r="B23" s="11" t="s">
        <v>11</v>
      </c>
      <c r="C23" s="11" t="s">
        <v>12</v>
      </c>
      <c r="D23" s="11" t="s">
        <v>1059</v>
      </c>
      <c r="E23" s="11" t="s">
        <v>45</v>
      </c>
      <c r="F23" s="63">
        <v>0.37630000000000002</v>
      </c>
      <c r="G23" s="11" t="s">
        <v>11</v>
      </c>
      <c r="H23" s="11" t="s">
        <v>11</v>
      </c>
      <c r="I23" s="11" t="s">
        <v>11</v>
      </c>
      <c r="J23" s="11" t="s">
        <v>14</v>
      </c>
    </row>
    <row r="24" spans="1:10" x14ac:dyDescent="0.25">
      <c r="A24" s="61" t="s">
        <v>1038</v>
      </c>
      <c r="B24" s="11" t="s">
        <v>11</v>
      </c>
      <c r="C24" s="11" t="s">
        <v>12</v>
      </c>
      <c r="D24" s="11" t="s">
        <v>1059</v>
      </c>
      <c r="E24" s="11" t="s">
        <v>45</v>
      </c>
      <c r="F24" s="63">
        <v>0.37630000000000002</v>
      </c>
      <c r="G24" s="11" t="s">
        <v>11</v>
      </c>
      <c r="H24" s="11" t="s">
        <v>11</v>
      </c>
      <c r="I24" s="11" t="s">
        <v>11</v>
      </c>
      <c r="J24" s="11" t="s">
        <v>14</v>
      </c>
    </row>
    <row r="25" spans="1:10" x14ac:dyDescent="0.25">
      <c r="A25" s="61" t="s">
        <v>1039</v>
      </c>
      <c r="B25" s="11" t="s">
        <v>11</v>
      </c>
      <c r="C25" s="11" t="s">
        <v>12</v>
      </c>
      <c r="D25" s="11" t="s">
        <v>1059</v>
      </c>
      <c r="E25" s="11" t="s">
        <v>45</v>
      </c>
      <c r="F25" s="63">
        <v>0.37630000000000002</v>
      </c>
      <c r="G25" s="11" t="s">
        <v>11</v>
      </c>
      <c r="H25" s="11" t="s">
        <v>11</v>
      </c>
      <c r="I25" s="11" t="s">
        <v>11</v>
      </c>
      <c r="J25" s="11" t="s">
        <v>14</v>
      </c>
    </row>
    <row r="26" spans="1:10" x14ac:dyDescent="0.25">
      <c r="A26" s="61" t="s">
        <v>1040</v>
      </c>
      <c r="B26" s="11" t="s">
        <v>11</v>
      </c>
      <c r="C26" s="11" t="s">
        <v>12</v>
      </c>
      <c r="D26" s="11" t="s">
        <v>1059</v>
      </c>
      <c r="E26" s="11" t="s">
        <v>45</v>
      </c>
      <c r="F26" s="63">
        <v>0.37630000000000002</v>
      </c>
      <c r="G26" s="11" t="s">
        <v>11</v>
      </c>
      <c r="H26" s="11" t="s">
        <v>11</v>
      </c>
      <c r="I26" s="11" t="s">
        <v>11</v>
      </c>
      <c r="J26" s="11" t="s">
        <v>14</v>
      </c>
    </row>
    <row r="27" spans="1:10" x14ac:dyDescent="0.25">
      <c r="A27" s="61" t="s">
        <v>1041</v>
      </c>
      <c r="B27" s="11" t="s">
        <v>11</v>
      </c>
      <c r="C27" s="11" t="s">
        <v>12</v>
      </c>
      <c r="D27" s="11" t="s">
        <v>1059</v>
      </c>
      <c r="E27" s="11" t="s">
        <v>45</v>
      </c>
      <c r="F27" s="63">
        <v>0.37630000000000002</v>
      </c>
      <c r="G27" s="11" t="s">
        <v>11</v>
      </c>
      <c r="H27" s="11" t="s">
        <v>11</v>
      </c>
      <c r="I27" s="11" t="s">
        <v>11</v>
      </c>
      <c r="J27" s="11" t="s">
        <v>14</v>
      </c>
    </row>
    <row r="28" spans="1:10" x14ac:dyDescent="0.25">
      <c r="A28" s="61" t="s">
        <v>1042</v>
      </c>
      <c r="B28" s="11" t="s">
        <v>11</v>
      </c>
      <c r="C28" s="11" t="s">
        <v>12</v>
      </c>
      <c r="D28" s="11" t="s">
        <v>1059</v>
      </c>
      <c r="E28" s="11" t="s">
        <v>45</v>
      </c>
      <c r="F28" s="63">
        <v>0.37630000000000002</v>
      </c>
      <c r="G28" s="11" t="s">
        <v>11</v>
      </c>
      <c r="H28" s="11" t="s">
        <v>11</v>
      </c>
      <c r="I28" s="11" t="s">
        <v>11</v>
      </c>
      <c r="J28" s="11" t="s">
        <v>14</v>
      </c>
    </row>
    <row r="29" spans="1:10" x14ac:dyDescent="0.25">
      <c r="A29" s="61" t="s">
        <v>1043</v>
      </c>
      <c r="B29" s="11" t="s">
        <v>11</v>
      </c>
      <c r="C29" s="11" t="s">
        <v>12</v>
      </c>
      <c r="D29" s="11" t="s">
        <v>1059</v>
      </c>
      <c r="E29" s="11" t="s">
        <v>45</v>
      </c>
      <c r="F29" s="63">
        <v>0.37630000000000002</v>
      </c>
      <c r="G29" s="11" t="s">
        <v>11</v>
      </c>
      <c r="H29" s="11" t="s">
        <v>11</v>
      </c>
      <c r="I29" s="11" t="s">
        <v>11</v>
      </c>
      <c r="J29" s="11" t="s">
        <v>14</v>
      </c>
    </row>
    <row r="30" spans="1:10" x14ac:dyDescent="0.25">
      <c r="A30" s="61" t="s">
        <v>1044</v>
      </c>
      <c r="B30" s="11" t="s">
        <v>11</v>
      </c>
      <c r="C30" s="11" t="s">
        <v>12</v>
      </c>
      <c r="D30" s="11" t="s">
        <v>1059</v>
      </c>
      <c r="E30" s="11" t="s">
        <v>45</v>
      </c>
      <c r="F30" s="63">
        <v>0.37630000000000002</v>
      </c>
      <c r="G30" s="11" t="s">
        <v>11</v>
      </c>
      <c r="H30" s="11" t="s">
        <v>11</v>
      </c>
      <c r="I30" s="11" t="s">
        <v>11</v>
      </c>
      <c r="J30" s="11" t="s">
        <v>14</v>
      </c>
    </row>
    <row r="31" spans="1:10" x14ac:dyDescent="0.25">
      <c r="A31" s="61" t="s">
        <v>1045</v>
      </c>
      <c r="B31" s="11" t="s">
        <v>11</v>
      </c>
      <c r="C31" s="11" t="s">
        <v>12</v>
      </c>
      <c r="D31" s="11" t="s">
        <v>1059</v>
      </c>
      <c r="E31" s="11" t="s">
        <v>45</v>
      </c>
      <c r="F31" s="63">
        <v>0.37630000000000002</v>
      </c>
      <c r="G31" s="11" t="s">
        <v>11</v>
      </c>
      <c r="H31" s="11" t="s">
        <v>11</v>
      </c>
      <c r="I31" s="11" t="s">
        <v>11</v>
      </c>
      <c r="J31" s="11" t="s">
        <v>14</v>
      </c>
    </row>
    <row r="32" spans="1:10" x14ac:dyDescent="0.25">
      <c r="A32" s="61" t="s">
        <v>1046</v>
      </c>
      <c r="B32" s="11" t="s">
        <v>11</v>
      </c>
      <c r="C32" s="11" t="s">
        <v>12</v>
      </c>
      <c r="D32" s="11" t="s">
        <v>1059</v>
      </c>
      <c r="E32" s="11" t="s">
        <v>45</v>
      </c>
      <c r="F32" s="63">
        <v>0.37630000000000002</v>
      </c>
      <c r="G32" s="11" t="s">
        <v>11</v>
      </c>
      <c r="H32" s="11" t="s">
        <v>11</v>
      </c>
      <c r="I32" s="11" t="s">
        <v>11</v>
      </c>
      <c r="J32" s="11" t="s">
        <v>14</v>
      </c>
    </row>
    <row r="33" spans="1:10" x14ac:dyDescent="0.25">
      <c r="A33" s="61" t="s">
        <v>1047</v>
      </c>
      <c r="B33" s="11" t="s">
        <v>11</v>
      </c>
      <c r="C33" s="11" t="s">
        <v>12</v>
      </c>
      <c r="D33" s="11" t="s">
        <v>1059</v>
      </c>
      <c r="E33" s="11" t="s">
        <v>45</v>
      </c>
      <c r="F33" s="63">
        <v>0.37630000000000002</v>
      </c>
      <c r="G33" s="11" t="s">
        <v>11</v>
      </c>
      <c r="H33" s="11" t="s">
        <v>11</v>
      </c>
      <c r="I33" s="11" t="s">
        <v>11</v>
      </c>
      <c r="J33" s="11" t="s">
        <v>14</v>
      </c>
    </row>
    <row r="34" spans="1:10" x14ac:dyDescent="0.25">
      <c r="A34" s="61" t="s">
        <v>1048</v>
      </c>
      <c r="B34" s="11" t="s">
        <v>11</v>
      </c>
      <c r="C34" s="11" t="s">
        <v>12</v>
      </c>
      <c r="D34" s="11" t="s">
        <v>1059</v>
      </c>
      <c r="E34" s="11" t="s">
        <v>45</v>
      </c>
      <c r="F34" s="63">
        <v>0.37630000000000002</v>
      </c>
      <c r="G34" s="11" t="s">
        <v>11</v>
      </c>
      <c r="H34" s="11" t="s">
        <v>11</v>
      </c>
      <c r="I34" s="11" t="s">
        <v>11</v>
      </c>
      <c r="J34" s="11" t="s">
        <v>14</v>
      </c>
    </row>
    <row r="35" spans="1:10" x14ac:dyDescent="0.25">
      <c r="A35" s="61" t="s">
        <v>1049</v>
      </c>
      <c r="B35" s="11" t="s">
        <v>11</v>
      </c>
      <c r="C35" s="11" t="s">
        <v>12</v>
      </c>
      <c r="D35" s="11" t="s">
        <v>1059</v>
      </c>
      <c r="E35" s="11" t="s">
        <v>45</v>
      </c>
      <c r="F35" s="63">
        <v>0.37630000000000002</v>
      </c>
      <c r="G35" s="11" t="s">
        <v>11</v>
      </c>
      <c r="H35" s="11" t="s">
        <v>11</v>
      </c>
      <c r="I35" s="11" t="s">
        <v>11</v>
      </c>
      <c r="J35" s="11" t="s">
        <v>14</v>
      </c>
    </row>
    <row r="36" spans="1:10" x14ac:dyDescent="0.25">
      <c r="A36" s="61" t="s">
        <v>1050</v>
      </c>
      <c r="B36" s="11" t="s">
        <v>11</v>
      </c>
      <c r="C36" s="11" t="s">
        <v>12</v>
      </c>
      <c r="D36" s="11" t="s">
        <v>1059</v>
      </c>
      <c r="E36" s="11" t="s">
        <v>45</v>
      </c>
      <c r="F36" s="63">
        <v>0.37630000000000002</v>
      </c>
      <c r="G36" s="11" t="s">
        <v>11</v>
      </c>
      <c r="H36" s="11" t="s">
        <v>11</v>
      </c>
      <c r="I36" s="11" t="s">
        <v>11</v>
      </c>
      <c r="J36" s="11" t="s">
        <v>14</v>
      </c>
    </row>
    <row r="37" spans="1:10" x14ac:dyDescent="0.25">
      <c r="A37" s="61" t="s">
        <v>1051</v>
      </c>
      <c r="B37" s="11" t="s">
        <v>11</v>
      </c>
      <c r="C37" s="11" t="s">
        <v>12</v>
      </c>
      <c r="D37" s="11" t="s">
        <v>1059</v>
      </c>
      <c r="E37" s="11" t="s">
        <v>45</v>
      </c>
      <c r="F37" s="63">
        <v>0.37630000000000002</v>
      </c>
      <c r="G37" s="11" t="s">
        <v>11</v>
      </c>
      <c r="H37" s="11" t="s">
        <v>11</v>
      </c>
      <c r="I37" s="11" t="s">
        <v>11</v>
      </c>
      <c r="J37" s="11" t="s">
        <v>14</v>
      </c>
    </row>
    <row r="38" spans="1:10" x14ac:dyDescent="0.25">
      <c r="A38" s="61" t="s">
        <v>1052</v>
      </c>
      <c r="B38" s="11" t="s">
        <v>11</v>
      </c>
      <c r="C38" s="11" t="s">
        <v>12</v>
      </c>
      <c r="D38" s="11" t="s">
        <v>1059</v>
      </c>
      <c r="E38" s="11" t="s">
        <v>45</v>
      </c>
      <c r="F38" s="63">
        <v>0.37630000000000002</v>
      </c>
      <c r="G38" s="11" t="s">
        <v>11</v>
      </c>
      <c r="H38" s="11" t="s">
        <v>11</v>
      </c>
      <c r="I38" s="11" t="s">
        <v>11</v>
      </c>
      <c r="J38" s="11" t="s">
        <v>14</v>
      </c>
    </row>
    <row r="39" spans="1:10" x14ac:dyDescent="0.25">
      <c r="A39" s="61" t="s">
        <v>1053</v>
      </c>
      <c r="B39" s="11" t="s">
        <v>11</v>
      </c>
      <c r="C39" s="11" t="s">
        <v>12</v>
      </c>
      <c r="D39" s="11" t="s">
        <v>1059</v>
      </c>
      <c r="E39" s="11" t="s">
        <v>45</v>
      </c>
      <c r="F39" s="63">
        <v>0.37630000000000002</v>
      </c>
      <c r="G39" s="11" t="s">
        <v>11</v>
      </c>
      <c r="H39" s="11" t="s">
        <v>11</v>
      </c>
      <c r="I39" s="11" t="s">
        <v>11</v>
      </c>
      <c r="J39" s="11" t="s">
        <v>14</v>
      </c>
    </row>
    <row r="40" spans="1:10" x14ac:dyDescent="0.25">
      <c r="A40" s="61" t="s">
        <v>1054</v>
      </c>
      <c r="B40" s="11" t="s">
        <v>11</v>
      </c>
      <c r="C40" s="11" t="s">
        <v>12</v>
      </c>
      <c r="D40" s="11" t="s">
        <v>1059</v>
      </c>
      <c r="E40" s="11" t="s">
        <v>45</v>
      </c>
      <c r="F40" s="63">
        <v>0.37630000000000002</v>
      </c>
      <c r="G40" s="11" t="s">
        <v>11</v>
      </c>
      <c r="H40" s="11" t="s">
        <v>11</v>
      </c>
      <c r="I40" s="11" t="s">
        <v>11</v>
      </c>
      <c r="J40" s="11" t="s">
        <v>14</v>
      </c>
    </row>
    <row r="41" spans="1:10" x14ac:dyDescent="0.25">
      <c r="A41" s="61" t="s">
        <v>1055</v>
      </c>
      <c r="B41" s="11" t="s">
        <v>11</v>
      </c>
      <c r="C41" s="11" t="s">
        <v>12</v>
      </c>
      <c r="D41" s="11" t="s">
        <v>1059</v>
      </c>
      <c r="E41" s="11" t="s">
        <v>45</v>
      </c>
      <c r="F41" s="63">
        <v>0.37630000000000002</v>
      </c>
      <c r="G41" s="11" t="s">
        <v>11</v>
      </c>
      <c r="H41" s="11" t="s">
        <v>11</v>
      </c>
      <c r="I41" s="11" t="s">
        <v>11</v>
      </c>
      <c r="J41" s="11" t="s">
        <v>14</v>
      </c>
    </row>
    <row r="42" spans="1:10" x14ac:dyDescent="0.25">
      <c r="A42" s="61" t="s">
        <v>1056</v>
      </c>
      <c r="B42" s="11" t="s">
        <v>11</v>
      </c>
      <c r="C42" s="11" t="s">
        <v>12</v>
      </c>
      <c r="D42" s="11" t="s">
        <v>1059</v>
      </c>
      <c r="E42" s="11" t="s">
        <v>45</v>
      </c>
      <c r="F42" s="63">
        <v>0.37630000000000002</v>
      </c>
      <c r="G42" s="11" t="s">
        <v>11</v>
      </c>
      <c r="H42" s="11" t="s">
        <v>11</v>
      </c>
      <c r="I42" s="11" t="s">
        <v>11</v>
      </c>
      <c r="J42" s="11" t="s">
        <v>14</v>
      </c>
    </row>
    <row r="43" spans="1:10" x14ac:dyDescent="0.25">
      <c r="A43" s="61" t="s">
        <v>1057</v>
      </c>
      <c r="B43" s="11" t="s">
        <v>11</v>
      </c>
      <c r="C43" s="11" t="s">
        <v>12</v>
      </c>
      <c r="D43" s="11" t="s">
        <v>1059</v>
      </c>
      <c r="E43" s="11" t="s">
        <v>45</v>
      </c>
      <c r="F43" s="63">
        <v>0.37630000000000002</v>
      </c>
      <c r="G43" s="11" t="s">
        <v>11</v>
      </c>
      <c r="H43" s="11" t="s">
        <v>11</v>
      </c>
      <c r="I43" s="11" t="s">
        <v>11</v>
      </c>
      <c r="J43" s="11" t="s">
        <v>14</v>
      </c>
    </row>
    <row r="44" spans="1:10" x14ac:dyDescent="0.25">
      <c r="A44" s="61" t="s">
        <v>1058</v>
      </c>
      <c r="B44" s="11" t="s">
        <v>11</v>
      </c>
      <c r="C44" s="11" t="s">
        <v>12</v>
      </c>
      <c r="D44" s="11" t="s">
        <v>1059</v>
      </c>
      <c r="E44" s="11" t="s">
        <v>45</v>
      </c>
      <c r="F44" s="63">
        <v>0.37630000000000002</v>
      </c>
      <c r="G44" s="11" t="s">
        <v>11</v>
      </c>
      <c r="H44" s="11" t="s">
        <v>11</v>
      </c>
      <c r="I44" s="11" t="s">
        <v>11</v>
      </c>
      <c r="J44" s="11" t="s">
        <v>14</v>
      </c>
    </row>
  </sheetData>
  <mergeCells count="2">
    <mergeCell ref="A4:J4"/>
    <mergeCell ref="A5:J5"/>
  </mergeCells>
  <pageMargins left="0.511811024" right="0.511811024" top="0.78740157499999996" bottom="0.78740157499999996" header="0.31496062000000002" footer="0.3149606200000000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4"/>
  <sheetViews>
    <sheetView workbookViewId="0"/>
  </sheetViews>
  <sheetFormatPr defaultRowHeight="15" x14ac:dyDescent="0.25"/>
  <cols>
    <col min="2" max="2" width="9.42578125" bestFit="1" customWidth="1"/>
    <col min="3" max="3" width="10.42578125" bestFit="1" customWidth="1"/>
    <col min="4" max="4" width="21.28515625" customWidth="1"/>
    <col min="5" max="5" width="43.5703125" bestFit="1" customWidth="1"/>
    <col min="6" max="6" width="8" bestFit="1" customWidth="1"/>
    <col min="7" max="7" width="16.5703125" bestFit="1" customWidth="1"/>
    <col min="8" max="8" width="4.28515625" bestFit="1" customWidth="1"/>
    <col min="9" max="9" width="35.85546875" bestFit="1" customWidth="1"/>
    <col min="10" max="10" width="11.85546875" bestFit="1" customWidth="1"/>
  </cols>
  <sheetData>
    <row r="1" spans="1:10" s="3" customFormat="1" x14ac:dyDescent="0.25">
      <c r="A1" s="5" t="s">
        <v>184</v>
      </c>
      <c r="B1" s="5"/>
      <c r="C1"/>
      <c r="D1"/>
      <c r="E1"/>
      <c r="F1"/>
      <c r="G1"/>
      <c r="H1"/>
      <c r="I1"/>
    </row>
    <row r="2" spans="1:10" s="3" customFormat="1" x14ac:dyDescent="0.25">
      <c r="A2" s="5" t="s">
        <v>181</v>
      </c>
      <c r="B2" s="5"/>
      <c r="C2"/>
      <c r="D2"/>
      <c r="E2"/>
      <c r="F2"/>
      <c r="G2"/>
      <c r="H2"/>
      <c r="I2"/>
    </row>
    <row r="3" spans="1:10" s="3" customFormat="1" x14ac:dyDescent="0.25">
      <c r="A3" s="5" t="s">
        <v>182</v>
      </c>
      <c r="B3" s="5"/>
      <c r="C3"/>
      <c r="D3"/>
      <c r="E3"/>
      <c r="F3"/>
      <c r="G3"/>
      <c r="H3"/>
      <c r="I3"/>
    </row>
    <row r="4" spans="1:10" s="3" customFormat="1" ht="15" customHeight="1" x14ac:dyDescent="0.25">
      <c r="A4" s="30" t="s">
        <v>265</v>
      </c>
      <c r="B4" s="31"/>
      <c r="C4" s="31"/>
      <c r="D4" s="31"/>
      <c r="E4" s="31"/>
      <c r="F4" s="31"/>
      <c r="G4" s="31"/>
      <c r="H4" s="31"/>
      <c r="I4" s="31"/>
      <c r="J4" s="32"/>
    </row>
    <row r="5" spans="1:10" s="3" customFormat="1" ht="82.5" customHeight="1" x14ac:dyDescent="0.25">
      <c r="A5" s="39" t="s">
        <v>291</v>
      </c>
      <c r="B5" s="40"/>
      <c r="C5" s="40"/>
      <c r="D5" s="40"/>
      <c r="E5" s="40"/>
      <c r="F5" s="40"/>
      <c r="G5" s="40"/>
      <c r="H5" s="40"/>
      <c r="I5" s="40"/>
      <c r="J5" s="41"/>
    </row>
    <row r="6" spans="1:10" s="7" customFormat="1" ht="75" x14ac:dyDescent="0.25">
      <c r="A6" s="15" t="s">
        <v>0</v>
      </c>
      <c r="B6" s="15" t="s">
        <v>1</v>
      </c>
      <c r="C6" s="15" t="s">
        <v>2</v>
      </c>
      <c r="D6" s="15" t="s">
        <v>286</v>
      </c>
      <c r="E6" s="15" t="s">
        <v>5</v>
      </c>
      <c r="F6" s="10" t="s">
        <v>6</v>
      </c>
      <c r="G6" s="15" t="s">
        <v>7</v>
      </c>
      <c r="H6" s="15" t="s">
        <v>8</v>
      </c>
      <c r="I6" s="15" t="s">
        <v>9</v>
      </c>
      <c r="J6" s="15" t="s">
        <v>10</v>
      </c>
    </row>
    <row r="7" spans="1:10" s="3" customFormat="1" x14ac:dyDescent="0.25">
      <c r="A7" s="11" t="s">
        <v>266</v>
      </c>
      <c r="B7" s="11" t="s">
        <v>11</v>
      </c>
      <c r="C7" s="11" t="s">
        <v>12</v>
      </c>
      <c r="D7" s="11" t="s">
        <v>285</v>
      </c>
      <c r="E7" s="11" t="s">
        <v>45</v>
      </c>
      <c r="F7" s="55">
        <v>2.5</v>
      </c>
      <c r="G7" s="11" t="s">
        <v>11</v>
      </c>
      <c r="H7" s="11" t="s">
        <v>11</v>
      </c>
      <c r="I7" s="11" t="s">
        <v>11</v>
      </c>
      <c r="J7" s="11" t="s">
        <v>14</v>
      </c>
    </row>
    <row r="8" spans="1:10" s="3" customFormat="1" x14ac:dyDescent="0.25">
      <c r="A8" s="11" t="s">
        <v>266</v>
      </c>
      <c r="B8" s="11" t="s">
        <v>11</v>
      </c>
      <c r="C8" s="11" t="s">
        <v>12</v>
      </c>
      <c r="D8" s="11" t="s">
        <v>285</v>
      </c>
      <c r="E8" s="11" t="s">
        <v>45</v>
      </c>
      <c r="F8" s="55">
        <v>1</v>
      </c>
      <c r="G8" s="11" t="s">
        <v>11</v>
      </c>
      <c r="H8" s="11" t="s">
        <v>11</v>
      </c>
      <c r="I8" s="11" t="s">
        <v>11</v>
      </c>
      <c r="J8" s="11" t="s">
        <v>14</v>
      </c>
    </row>
    <row r="9" spans="1:10" s="3" customFormat="1" x14ac:dyDescent="0.25">
      <c r="A9" s="11" t="s">
        <v>267</v>
      </c>
      <c r="B9" s="11" t="s">
        <v>11</v>
      </c>
      <c r="C9" s="11" t="s">
        <v>12</v>
      </c>
      <c r="D9" s="11" t="s">
        <v>285</v>
      </c>
      <c r="E9" s="11" t="s">
        <v>45</v>
      </c>
      <c r="F9" s="55">
        <v>1</v>
      </c>
      <c r="G9" s="11" t="s">
        <v>11</v>
      </c>
      <c r="H9" s="11" t="s">
        <v>11</v>
      </c>
      <c r="I9" s="11" t="s">
        <v>11</v>
      </c>
      <c r="J9" s="11" t="s">
        <v>14</v>
      </c>
    </row>
    <row r="10" spans="1:10" s="3" customFormat="1" x14ac:dyDescent="0.25">
      <c r="A10" s="11" t="s">
        <v>268</v>
      </c>
      <c r="B10" s="11" t="s">
        <v>11</v>
      </c>
      <c r="C10" s="11" t="s">
        <v>12</v>
      </c>
      <c r="D10" s="11" t="s">
        <v>285</v>
      </c>
      <c r="E10" s="11" t="s">
        <v>45</v>
      </c>
      <c r="F10" s="55">
        <v>1.4</v>
      </c>
      <c r="G10" s="11" t="s">
        <v>11</v>
      </c>
      <c r="H10" s="11" t="s">
        <v>11</v>
      </c>
      <c r="I10" s="11" t="s">
        <v>11</v>
      </c>
      <c r="J10" s="11" t="s">
        <v>14</v>
      </c>
    </row>
    <row r="11" spans="1:10" s="3" customFormat="1" x14ac:dyDescent="0.25">
      <c r="A11" s="11" t="s">
        <v>269</v>
      </c>
      <c r="B11" s="11" t="s">
        <v>11</v>
      </c>
      <c r="C11" s="11" t="s">
        <v>12</v>
      </c>
      <c r="D11" s="11" t="s">
        <v>285</v>
      </c>
      <c r="E11" s="11" t="s">
        <v>45</v>
      </c>
      <c r="F11" s="55">
        <v>1.2</v>
      </c>
      <c r="G11" s="11" t="s">
        <v>11</v>
      </c>
      <c r="H11" s="11" t="s">
        <v>11</v>
      </c>
      <c r="I11" s="11" t="s">
        <v>11</v>
      </c>
      <c r="J11" s="11" t="s">
        <v>14</v>
      </c>
    </row>
    <row r="12" spans="1:10" s="3" customFormat="1" x14ac:dyDescent="0.25">
      <c r="A12" s="11" t="s">
        <v>270</v>
      </c>
      <c r="B12" s="11" t="s">
        <v>11</v>
      </c>
      <c r="C12" s="11" t="s">
        <v>12</v>
      </c>
      <c r="D12" s="11" t="s">
        <v>285</v>
      </c>
      <c r="E12" s="11" t="s">
        <v>45</v>
      </c>
      <c r="F12" s="55">
        <v>1.4</v>
      </c>
      <c r="G12" s="11" t="s">
        <v>11</v>
      </c>
      <c r="H12" s="11" t="s">
        <v>11</v>
      </c>
      <c r="I12" s="11" t="s">
        <v>11</v>
      </c>
      <c r="J12" s="11" t="s">
        <v>14</v>
      </c>
    </row>
    <row r="13" spans="1:10" s="3" customFormat="1" x14ac:dyDescent="0.25">
      <c r="A13" s="11" t="s">
        <v>271</v>
      </c>
      <c r="B13" s="11" t="s">
        <v>11</v>
      </c>
      <c r="C13" s="11" t="s">
        <v>12</v>
      </c>
      <c r="D13" s="11" t="s">
        <v>285</v>
      </c>
      <c r="E13" s="11" t="s">
        <v>45</v>
      </c>
      <c r="F13" s="55">
        <v>1.4</v>
      </c>
      <c r="G13" s="11" t="s">
        <v>11</v>
      </c>
      <c r="H13" s="11" t="s">
        <v>11</v>
      </c>
      <c r="I13" s="11" t="s">
        <v>11</v>
      </c>
      <c r="J13" s="11" t="s">
        <v>14</v>
      </c>
    </row>
    <row r="14" spans="1:10" s="3" customFormat="1" x14ac:dyDescent="0.25">
      <c r="A14" s="11" t="s">
        <v>272</v>
      </c>
      <c r="B14" s="11" t="s">
        <v>11</v>
      </c>
      <c r="C14" s="11" t="s">
        <v>12</v>
      </c>
      <c r="D14" s="11" t="s">
        <v>285</v>
      </c>
      <c r="E14" s="11" t="s">
        <v>45</v>
      </c>
      <c r="F14" s="55">
        <v>1.4</v>
      </c>
      <c r="G14" s="11" t="s">
        <v>11</v>
      </c>
      <c r="H14" s="11" t="s">
        <v>11</v>
      </c>
      <c r="I14" s="11" t="s">
        <v>11</v>
      </c>
      <c r="J14" s="11" t="s">
        <v>14</v>
      </c>
    </row>
    <row r="15" spans="1:10" s="3" customFormat="1" x14ac:dyDescent="0.25">
      <c r="A15" s="11" t="s">
        <v>273</v>
      </c>
      <c r="B15" s="11" t="s">
        <v>11</v>
      </c>
      <c r="C15" s="11" t="s">
        <v>12</v>
      </c>
      <c r="D15" s="11" t="s">
        <v>285</v>
      </c>
      <c r="E15" s="11" t="s">
        <v>45</v>
      </c>
      <c r="F15" s="55">
        <v>1.4</v>
      </c>
      <c r="G15" s="11" t="s">
        <v>11</v>
      </c>
      <c r="H15" s="11" t="s">
        <v>11</v>
      </c>
      <c r="I15" s="11" t="s">
        <v>11</v>
      </c>
      <c r="J15" s="11" t="s">
        <v>14</v>
      </c>
    </row>
    <row r="16" spans="1:10" s="3" customFormat="1" x14ac:dyDescent="0.25">
      <c r="A16" s="11" t="s">
        <v>274</v>
      </c>
      <c r="B16" s="11" t="s">
        <v>11</v>
      </c>
      <c r="C16" s="11" t="s">
        <v>12</v>
      </c>
      <c r="D16" s="11" t="s">
        <v>285</v>
      </c>
      <c r="E16" s="11" t="s">
        <v>45</v>
      </c>
      <c r="F16" s="55">
        <v>1.4</v>
      </c>
      <c r="G16" s="11" t="s">
        <v>11</v>
      </c>
      <c r="H16" s="11" t="s">
        <v>11</v>
      </c>
      <c r="I16" s="11" t="s">
        <v>11</v>
      </c>
      <c r="J16" s="11" t="s">
        <v>15</v>
      </c>
    </row>
    <row r="17" spans="1:10" s="3" customFormat="1" x14ac:dyDescent="0.25">
      <c r="A17" s="11" t="s">
        <v>275</v>
      </c>
      <c r="B17" s="11" t="s">
        <v>11</v>
      </c>
      <c r="C17" s="11" t="s">
        <v>12</v>
      </c>
      <c r="D17" s="11" t="s">
        <v>285</v>
      </c>
      <c r="E17" s="11" t="s">
        <v>45</v>
      </c>
      <c r="F17" s="55">
        <v>1.4</v>
      </c>
      <c r="G17" s="11" t="s">
        <v>11</v>
      </c>
      <c r="H17" s="11" t="s">
        <v>11</v>
      </c>
      <c r="I17" s="11" t="s">
        <v>11</v>
      </c>
      <c r="J17" s="11">
        <v>20</v>
      </c>
    </row>
    <row r="18" spans="1:10" s="3" customFormat="1" x14ac:dyDescent="0.25">
      <c r="A18" s="11" t="s">
        <v>276</v>
      </c>
      <c r="B18" s="11" t="s">
        <v>11</v>
      </c>
      <c r="C18" s="11" t="s">
        <v>12</v>
      </c>
      <c r="D18" s="11" t="s">
        <v>285</v>
      </c>
      <c r="E18" s="11" t="s">
        <v>45</v>
      </c>
      <c r="F18" s="55">
        <v>1.4</v>
      </c>
      <c r="G18" s="11" t="s">
        <v>11</v>
      </c>
      <c r="H18" s="11" t="s">
        <v>11</v>
      </c>
      <c r="I18" s="11" t="s">
        <v>11</v>
      </c>
      <c r="J18" s="11" t="s">
        <v>14</v>
      </c>
    </row>
    <row r="19" spans="1:10" s="3" customFormat="1" x14ac:dyDescent="0.25">
      <c r="A19" s="11" t="s">
        <v>277</v>
      </c>
      <c r="B19" s="11" t="s">
        <v>11</v>
      </c>
      <c r="C19" s="11" t="s">
        <v>12</v>
      </c>
      <c r="D19" s="11" t="s">
        <v>285</v>
      </c>
      <c r="E19" s="11" t="s">
        <v>45</v>
      </c>
      <c r="F19" s="55">
        <v>1.4</v>
      </c>
      <c r="G19" s="11" t="s">
        <v>11</v>
      </c>
      <c r="H19" s="11" t="s">
        <v>11</v>
      </c>
      <c r="I19" s="11" t="s">
        <v>11</v>
      </c>
      <c r="J19" s="11" t="s">
        <v>14</v>
      </c>
    </row>
    <row r="20" spans="1:10" s="3" customFormat="1" x14ac:dyDescent="0.25">
      <c r="A20" s="11" t="s">
        <v>278</v>
      </c>
      <c r="B20" s="11" t="s">
        <v>11</v>
      </c>
      <c r="C20" s="11" t="s">
        <v>12</v>
      </c>
      <c r="D20" s="11" t="s">
        <v>285</v>
      </c>
      <c r="E20" s="11" t="s">
        <v>45</v>
      </c>
      <c r="F20" s="55">
        <v>1.4</v>
      </c>
      <c r="G20" s="11" t="s">
        <v>11</v>
      </c>
      <c r="H20" s="11" t="s">
        <v>11</v>
      </c>
      <c r="I20" s="11" t="s">
        <v>11</v>
      </c>
      <c r="J20" s="11" t="s">
        <v>14</v>
      </c>
    </row>
    <row r="21" spans="1:10" s="3" customFormat="1" x14ac:dyDescent="0.25">
      <c r="A21" s="11" t="s">
        <v>279</v>
      </c>
      <c r="B21" s="11" t="s">
        <v>11</v>
      </c>
      <c r="C21" s="11" t="s">
        <v>12</v>
      </c>
      <c r="D21" s="11" t="s">
        <v>285</v>
      </c>
      <c r="E21" s="11" t="s">
        <v>45</v>
      </c>
      <c r="F21" s="55">
        <v>1.4</v>
      </c>
      <c r="G21" s="11" t="s">
        <v>11</v>
      </c>
      <c r="H21" s="11" t="s">
        <v>11</v>
      </c>
      <c r="I21" s="11" t="s">
        <v>11</v>
      </c>
      <c r="J21" s="11" t="s">
        <v>14</v>
      </c>
    </row>
    <row r="22" spans="1:10" s="3" customFormat="1" x14ac:dyDescent="0.25">
      <c r="A22" s="11" t="s">
        <v>280</v>
      </c>
      <c r="B22" s="11" t="s">
        <v>11</v>
      </c>
      <c r="C22" s="11" t="s">
        <v>12</v>
      </c>
      <c r="D22" s="11" t="s">
        <v>285</v>
      </c>
      <c r="E22" s="11" t="s">
        <v>45</v>
      </c>
      <c r="F22" s="55">
        <v>1.4</v>
      </c>
      <c r="G22" s="11" t="s">
        <v>11</v>
      </c>
      <c r="H22" s="11" t="s">
        <v>11</v>
      </c>
      <c r="I22" s="11" t="s">
        <v>11</v>
      </c>
      <c r="J22" s="11" t="s">
        <v>14</v>
      </c>
    </row>
    <row r="23" spans="1:10" s="3" customFormat="1" x14ac:dyDescent="0.25">
      <c r="A23" s="11" t="s">
        <v>281</v>
      </c>
      <c r="B23" s="11" t="s">
        <v>11</v>
      </c>
      <c r="C23" s="11" t="s">
        <v>12</v>
      </c>
      <c r="D23" s="11" t="s">
        <v>285</v>
      </c>
      <c r="E23" s="11" t="s">
        <v>45</v>
      </c>
      <c r="F23" s="55">
        <v>1.4</v>
      </c>
      <c r="G23" s="11" t="s">
        <v>11</v>
      </c>
      <c r="H23" s="11" t="s">
        <v>11</v>
      </c>
      <c r="I23" s="11" t="s">
        <v>11</v>
      </c>
      <c r="J23" s="11" t="s">
        <v>14</v>
      </c>
    </row>
    <row r="24" spans="1:10" s="3" customFormat="1" x14ac:dyDescent="0.25">
      <c r="A24" s="11" t="s">
        <v>282</v>
      </c>
      <c r="B24" s="11" t="s">
        <v>11</v>
      </c>
      <c r="C24" s="11" t="s">
        <v>12</v>
      </c>
      <c r="D24" s="11" t="s">
        <v>285</v>
      </c>
      <c r="E24" s="11" t="s">
        <v>45</v>
      </c>
      <c r="F24" s="55">
        <v>1.4</v>
      </c>
      <c r="G24" s="11" t="s">
        <v>11</v>
      </c>
      <c r="H24" s="11" t="s">
        <v>11</v>
      </c>
      <c r="I24" s="11" t="s">
        <v>16</v>
      </c>
      <c r="J24" s="11" t="s">
        <v>19</v>
      </c>
    </row>
    <row r="25" spans="1:10" s="3" customFormat="1" x14ac:dyDescent="0.25">
      <c r="A25" s="11" t="s">
        <v>283</v>
      </c>
      <c r="B25" s="11" t="s">
        <v>11</v>
      </c>
      <c r="C25" s="11" t="s">
        <v>12</v>
      </c>
      <c r="D25" s="11" t="s">
        <v>285</v>
      </c>
      <c r="E25" s="11" t="s">
        <v>45</v>
      </c>
      <c r="F25" s="55">
        <v>1.4</v>
      </c>
      <c r="G25" s="11" t="s">
        <v>11</v>
      </c>
      <c r="H25" s="11" t="s">
        <v>11</v>
      </c>
      <c r="I25" s="11" t="s">
        <v>11</v>
      </c>
      <c r="J25" s="11" t="s">
        <v>14</v>
      </c>
    </row>
    <row r="26" spans="1:10" s="3" customFormat="1" x14ac:dyDescent="0.25">
      <c r="A26" s="11" t="s">
        <v>284</v>
      </c>
      <c r="B26" s="11" t="s">
        <v>11</v>
      </c>
      <c r="C26" s="11" t="s">
        <v>12</v>
      </c>
      <c r="D26" s="11" t="s">
        <v>285</v>
      </c>
      <c r="E26" s="11" t="s">
        <v>45</v>
      </c>
      <c r="F26" s="55">
        <v>1.4</v>
      </c>
      <c r="G26" s="11" t="s">
        <v>11</v>
      </c>
      <c r="H26" s="11" t="s">
        <v>11</v>
      </c>
      <c r="I26" s="11" t="s">
        <v>16</v>
      </c>
      <c r="J26" s="11" t="s">
        <v>19</v>
      </c>
    </row>
    <row r="27" spans="1:10" s="3" customFormat="1" x14ac:dyDescent="0.25">
      <c r="A27" s="11" t="s">
        <v>287</v>
      </c>
      <c r="B27" s="11" t="s">
        <v>11</v>
      </c>
      <c r="C27" s="11" t="s">
        <v>12</v>
      </c>
      <c r="D27" s="11" t="s">
        <v>285</v>
      </c>
      <c r="E27" s="11" t="s">
        <v>45</v>
      </c>
      <c r="F27" s="55">
        <v>1</v>
      </c>
      <c r="G27" s="11" t="s">
        <v>11</v>
      </c>
      <c r="H27" s="11" t="s">
        <v>11</v>
      </c>
      <c r="I27" s="11" t="s">
        <v>11</v>
      </c>
      <c r="J27" s="11" t="s">
        <v>14</v>
      </c>
    </row>
    <row r="28" spans="1:10" s="3" customFormat="1" x14ac:dyDescent="0.25">
      <c r="A28" s="11" t="s">
        <v>288</v>
      </c>
      <c r="B28" s="11" t="s">
        <v>11</v>
      </c>
      <c r="C28" s="11" t="s">
        <v>12</v>
      </c>
      <c r="D28" s="11" t="s">
        <v>285</v>
      </c>
      <c r="E28" s="11" t="s">
        <v>45</v>
      </c>
      <c r="F28" s="55">
        <v>1</v>
      </c>
      <c r="G28" s="11" t="s">
        <v>11</v>
      </c>
      <c r="H28" s="11" t="s">
        <v>11</v>
      </c>
      <c r="I28" s="11" t="s">
        <v>11</v>
      </c>
      <c r="J28" s="11" t="s">
        <v>14</v>
      </c>
    </row>
    <row r="29" spans="1:10" s="3" customFormat="1" x14ac:dyDescent="0.25">
      <c r="A29"/>
      <c r="B29"/>
      <c r="C29"/>
      <c r="D29"/>
      <c r="E29"/>
      <c r="F29"/>
      <c r="G29"/>
      <c r="H29"/>
      <c r="I29"/>
      <c r="J29"/>
    </row>
    <row r="30" spans="1:10" s="3" customFormat="1" x14ac:dyDescent="0.25">
      <c r="A30"/>
      <c r="B30"/>
      <c r="C30"/>
      <c r="D30"/>
      <c r="E30"/>
      <c r="F30"/>
      <c r="G30"/>
      <c r="H30"/>
      <c r="I30"/>
      <c r="J30"/>
    </row>
    <row r="31" spans="1:10" s="3" customFormat="1" x14ac:dyDescent="0.25">
      <c r="A31"/>
      <c r="B31"/>
      <c r="C31"/>
      <c r="D31"/>
      <c r="E31"/>
      <c r="F31"/>
      <c r="G31"/>
      <c r="H31"/>
      <c r="I31"/>
      <c r="J31"/>
    </row>
    <row r="32" spans="1:10" s="3" customFormat="1" x14ac:dyDescent="0.25">
      <c r="A32"/>
      <c r="B32"/>
      <c r="C32"/>
      <c r="D32"/>
      <c r="E32"/>
      <c r="F32"/>
      <c r="G32"/>
      <c r="H32"/>
      <c r="I32"/>
      <c r="J32"/>
    </row>
    <row r="33" spans="1:10" s="3" customFormat="1" x14ac:dyDescent="0.25">
      <c r="A33"/>
      <c r="B33"/>
      <c r="C33"/>
      <c r="D33"/>
      <c r="E33"/>
      <c r="F33"/>
      <c r="G33"/>
      <c r="H33"/>
      <c r="I33"/>
      <c r="J33"/>
    </row>
    <row r="34" spans="1:10" s="3" customFormat="1" x14ac:dyDescent="0.25">
      <c r="A34"/>
      <c r="B34"/>
      <c r="C34"/>
      <c r="D34"/>
      <c r="E34"/>
      <c r="F34"/>
      <c r="G34"/>
      <c r="H34"/>
      <c r="I34"/>
      <c r="J34"/>
    </row>
    <row r="35" spans="1:10" s="3" customFormat="1" x14ac:dyDescent="0.25">
      <c r="A35"/>
      <c r="B35"/>
      <c r="C35"/>
      <c r="D35"/>
      <c r="E35"/>
      <c r="F35"/>
      <c r="G35"/>
      <c r="H35"/>
      <c r="I35"/>
      <c r="J35"/>
    </row>
    <row r="36" spans="1:10" s="3" customFormat="1" x14ac:dyDescent="0.25">
      <c r="A36"/>
      <c r="B36"/>
      <c r="C36"/>
      <c r="D36"/>
      <c r="E36"/>
      <c r="F36"/>
      <c r="G36"/>
      <c r="H36"/>
      <c r="I36"/>
      <c r="J36"/>
    </row>
    <row r="37" spans="1:10" s="3" customFormat="1" x14ac:dyDescent="0.25">
      <c r="A37"/>
      <c r="B37"/>
      <c r="C37"/>
      <c r="D37"/>
      <c r="E37"/>
      <c r="F37"/>
      <c r="G37"/>
      <c r="H37"/>
      <c r="I37"/>
      <c r="J37"/>
    </row>
    <row r="38" spans="1:10" s="3" customFormat="1" x14ac:dyDescent="0.25">
      <c r="A38"/>
      <c r="B38"/>
      <c r="C38"/>
      <c r="D38"/>
      <c r="E38"/>
      <c r="F38"/>
      <c r="G38"/>
      <c r="H38"/>
      <c r="I38"/>
      <c r="J38"/>
    </row>
    <row r="39" spans="1:10" s="3" customFormat="1" x14ac:dyDescent="0.25">
      <c r="A39"/>
      <c r="B39"/>
      <c r="C39"/>
      <c r="D39"/>
      <c r="E39"/>
      <c r="F39"/>
      <c r="G39"/>
      <c r="H39"/>
      <c r="I39"/>
      <c r="J39"/>
    </row>
    <row r="40" spans="1:10" s="3" customFormat="1" x14ac:dyDescent="0.25">
      <c r="A40"/>
      <c r="B40"/>
      <c r="C40"/>
      <c r="D40"/>
      <c r="E40"/>
      <c r="F40"/>
      <c r="G40"/>
      <c r="H40"/>
      <c r="I40"/>
      <c r="J40"/>
    </row>
    <row r="41" spans="1:10" s="3" customFormat="1" x14ac:dyDescent="0.25">
      <c r="A41"/>
      <c r="B41"/>
      <c r="C41"/>
      <c r="D41"/>
      <c r="E41"/>
      <c r="F41"/>
      <c r="G41"/>
      <c r="H41"/>
      <c r="I41"/>
      <c r="J41"/>
    </row>
    <row r="42" spans="1:10" s="3" customFormat="1" x14ac:dyDescent="0.25">
      <c r="A42"/>
      <c r="B42"/>
      <c r="C42"/>
      <c r="D42"/>
      <c r="E42"/>
      <c r="F42"/>
      <c r="G42"/>
      <c r="H42"/>
      <c r="I42"/>
      <c r="J42"/>
    </row>
    <row r="43" spans="1:10" s="3" customFormat="1" x14ac:dyDescent="0.25">
      <c r="A43"/>
      <c r="B43"/>
      <c r="C43"/>
      <c r="D43"/>
      <c r="E43"/>
      <c r="F43"/>
      <c r="G43"/>
      <c r="H43"/>
      <c r="I43"/>
      <c r="J43"/>
    </row>
    <row r="44" spans="1:10" s="3" customFormat="1" x14ac:dyDescent="0.25">
      <c r="A44"/>
      <c r="B44"/>
      <c r="C44"/>
      <c r="D44"/>
      <c r="E44"/>
      <c r="F44"/>
      <c r="G44"/>
      <c r="H44"/>
      <c r="I44"/>
      <c r="J44"/>
    </row>
  </sheetData>
  <mergeCells count="2">
    <mergeCell ref="A4:J4"/>
    <mergeCell ref="A5:J5"/>
  </mergeCells>
  <pageMargins left="0.511811024" right="0.511811024" top="0.78740157499999996" bottom="0.78740157499999996" header="0.31496062000000002" footer="0.3149606200000000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4"/>
  <sheetViews>
    <sheetView workbookViewId="0"/>
  </sheetViews>
  <sheetFormatPr defaultRowHeight="15" x14ac:dyDescent="0.25"/>
  <cols>
    <col min="2" max="2" width="9.42578125" bestFit="1" customWidth="1"/>
    <col min="3" max="3" width="10.42578125" bestFit="1" customWidth="1"/>
    <col min="4" max="4" width="21.28515625" customWidth="1"/>
    <col min="5" max="5" width="43.5703125" bestFit="1" customWidth="1"/>
    <col min="6" max="6" width="8.140625" style="8" bestFit="1" customWidth="1"/>
    <col min="7" max="7" width="16.5703125" bestFit="1" customWidth="1"/>
    <col min="8" max="8" width="4.28515625" bestFit="1" customWidth="1"/>
    <col min="9" max="9" width="35.85546875" bestFit="1" customWidth="1"/>
    <col min="10" max="10" width="11.85546875" bestFit="1" customWidth="1"/>
  </cols>
  <sheetData>
    <row r="1" spans="1:10" s="3" customFormat="1" x14ac:dyDescent="0.25">
      <c r="A1" s="5" t="s">
        <v>184</v>
      </c>
      <c r="B1" s="5"/>
      <c r="C1"/>
      <c r="D1"/>
      <c r="E1"/>
      <c r="F1" s="8"/>
      <c r="G1"/>
      <c r="H1"/>
      <c r="I1"/>
    </row>
    <row r="2" spans="1:10" s="3" customFormat="1" x14ac:dyDescent="0.25">
      <c r="A2" s="5" t="s">
        <v>181</v>
      </c>
      <c r="B2" s="5"/>
      <c r="C2"/>
      <c r="D2"/>
      <c r="E2"/>
      <c r="F2" s="8"/>
      <c r="G2"/>
      <c r="H2"/>
      <c r="I2"/>
    </row>
    <row r="3" spans="1:10" s="3" customFormat="1" x14ac:dyDescent="0.25">
      <c r="A3" s="5" t="s">
        <v>182</v>
      </c>
      <c r="B3" s="5"/>
      <c r="C3"/>
      <c r="D3"/>
      <c r="E3"/>
      <c r="F3" s="8"/>
      <c r="G3"/>
      <c r="H3"/>
      <c r="I3"/>
    </row>
    <row r="4" spans="1:10" s="3" customFormat="1" ht="15" customHeight="1" x14ac:dyDescent="0.25">
      <c r="A4" s="30" t="s">
        <v>289</v>
      </c>
      <c r="B4" s="31"/>
      <c r="C4" s="31"/>
      <c r="D4" s="31"/>
      <c r="E4" s="31"/>
      <c r="F4" s="31"/>
      <c r="G4" s="31"/>
      <c r="H4" s="31"/>
      <c r="I4" s="31"/>
      <c r="J4" s="32"/>
    </row>
    <row r="5" spans="1:10" s="3" customFormat="1" ht="82.5" customHeight="1" x14ac:dyDescent="0.25">
      <c r="A5" s="39" t="s">
        <v>290</v>
      </c>
      <c r="B5" s="40"/>
      <c r="C5" s="40"/>
      <c r="D5" s="40"/>
      <c r="E5" s="40"/>
      <c r="F5" s="40"/>
      <c r="G5" s="40"/>
      <c r="H5" s="40"/>
      <c r="I5" s="40"/>
      <c r="J5" s="41"/>
    </row>
    <row r="6" spans="1:10" s="7" customFormat="1" ht="75" x14ac:dyDescent="0.25">
      <c r="A6" s="15" t="s">
        <v>0</v>
      </c>
      <c r="B6" s="15" t="s">
        <v>1</v>
      </c>
      <c r="C6" s="15" t="s">
        <v>2</v>
      </c>
      <c r="D6" s="15" t="s">
        <v>286</v>
      </c>
      <c r="E6" s="15" t="s">
        <v>5</v>
      </c>
      <c r="F6" s="17" t="s">
        <v>6</v>
      </c>
      <c r="G6" s="15" t="s">
        <v>7</v>
      </c>
      <c r="H6" s="15" t="s">
        <v>8</v>
      </c>
      <c r="I6" s="15" t="s">
        <v>9</v>
      </c>
      <c r="J6" s="15" t="s">
        <v>10</v>
      </c>
    </row>
    <row r="7" spans="1:10" s="3" customFormat="1" x14ac:dyDescent="0.25">
      <c r="A7" s="11" t="s">
        <v>266</v>
      </c>
      <c r="B7" s="11" t="s">
        <v>11</v>
      </c>
      <c r="C7" s="11" t="s">
        <v>12</v>
      </c>
      <c r="D7" s="11" t="s">
        <v>285</v>
      </c>
      <c r="E7" s="11" t="s">
        <v>45</v>
      </c>
      <c r="F7" s="55">
        <v>1.7</v>
      </c>
      <c r="G7" s="11" t="s">
        <v>11</v>
      </c>
      <c r="H7" s="11" t="s">
        <v>11</v>
      </c>
      <c r="I7" s="11" t="s">
        <v>11</v>
      </c>
      <c r="J7" s="11" t="s">
        <v>14</v>
      </c>
    </row>
    <row r="8" spans="1:10" s="3" customFormat="1" x14ac:dyDescent="0.25">
      <c r="A8" s="11" t="s">
        <v>266</v>
      </c>
      <c r="B8" s="11" t="s">
        <v>11</v>
      </c>
      <c r="C8" s="11" t="s">
        <v>12</v>
      </c>
      <c r="D8" s="11" t="s">
        <v>285</v>
      </c>
      <c r="E8" s="11" t="s">
        <v>45</v>
      </c>
      <c r="F8" s="55">
        <v>1.7</v>
      </c>
      <c r="G8" s="11" t="s">
        <v>11</v>
      </c>
      <c r="H8" s="11" t="s">
        <v>11</v>
      </c>
      <c r="I8" s="11" t="s">
        <v>11</v>
      </c>
      <c r="J8" s="11" t="s">
        <v>14</v>
      </c>
    </row>
    <row r="9" spans="1:10" s="3" customFormat="1" x14ac:dyDescent="0.25">
      <c r="A9" s="11" t="s">
        <v>267</v>
      </c>
      <c r="B9" s="11" t="s">
        <v>11</v>
      </c>
      <c r="C9" s="11" t="s">
        <v>12</v>
      </c>
      <c r="D9" s="11" t="s">
        <v>285</v>
      </c>
      <c r="E9" s="11" t="s">
        <v>45</v>
      </c>
      <c r="F9" s="55">
        <v>0.7</v>
      </c>
      <c r="G9" s="11" t="s">
        <v>11</v>
      </c>
      <c r="H9" s="11" t="s">
        <v>11</v>
      </c>
      <c r="I9" s="11" t="s">
        <v>11</v>
      </c>
      <c r="J9" s="11" t="s">
        <v>14</v>
      </c>
    </row>
    <row r="10" spans="1:10" s="3" customFormat="1" x14ac:dyDescent="0.25">
      <c r="A10" s="11" t="s">
        <v>268</v>
      </c>
      <c r="B10" s="11" t="s">
        <v>11</v>
      </c>
      <c r="C10" s="11" t="s">
        <v>12</v>
      </c>
      <c r="D10" s="11" t="s">
        <v>285</v>
      </c>
      <c r="E10" s="11" t="s">
        <v>45</v>
      </c>
      <c r="F10" s="55">
        <v>1</v>
      </c>
      <c r="G10" s="11" t="s">
        <v>11</v>
      </c>
      <c r="H10" s="11" t="s">
        <v>11</v>
      </c>
      <c r="I10" s="11" t="s">
        <v>11</v>
      </c>
      <c r="J10" s="11" t="s">
        <v>14</v>
      </c>
    </row>
    <row r="11" spans="1:10" s="3" customFormat="1" x14ac:dyDescent="0.25">
      <c r="A11" s="11" t="s">
        <v>269</v>
      </c>
      <c r="B11" s="11" t="s">
        <v>11</v>
      </c>
      <c r="C11" s="11" t="s">
        <v>12</v>
      </c>
      <c r="D11" s="11" t="s">
        <v>285</v>
      </c>
      <c r="E11" s="11" t="s">
        <v>45</v>
      </c>
      <c r="F11" s="55">
        <v>0.7</v>
      </c>
      <c r="G11" s="11" t="s">
        <v>11</v>
      </c>
      <c r="H11" s="11" t="s">
        <v>11</v>
      </c>
      <c r="I11" s="11" t="s">
        <v>11</v>
      </c>
      <c r="J11" s="11" t="s">
        <v>14</v>
      </c>
    </row>
    <row r="12" spans="1:10" s="3" customFormat="1" x14ac:dyDescent="0.25">
      <c r="A12" s="11" t="s">
        <v>270</v>
      </c>
      <c r="B12" s="11" t="s">
        <v>11</v>
      </c>
      <c r="C12" s="11" t="s">
        <v>12</v>
      </c>
      <c r="D12" s="11" t="s">
        <v>285</v>
      </c>
      <c r="E12" s="11" t="s">
        <v>45</v>
      </c>
      <c r="F12" s="55">
        <v>1</v>
      </c>
      <c r="G12" s="11" t="s">
        <v>11</v>
      </c>
      <c r="H12" s="11" t="s">
        <v>11</v>
      </c>
      <c r="I12" s="11" t="s">
        <v>11</v>
      </c>
      <c r="J12" s="11" t="s">
        <v>14</v>
      </c>
    </row>
    <row r="13" spans="1:10" s="3" customFormat="1" x14ac:dyDescent="0.25">
      <c r="A13" s="11" t="s">
        <v>271</v>
      </c>
      <c r="B13" s="11" t="s">
        <v>11</v>
      </c>
      <c r="C13" s="11" t="s">
        <v>12</v>
      </c>
      <c r="D13" s="11" t="s">
        <v>285</v>
      </c>
      <c r="E13" s="11" t="s">
        <v>45</v>
      </c>
      <c r="F13" s="55">
        <v>0.7</v>
      </c>
      <c r="G13" s="11" t="s">
        <v>11</v>
      </c>
      <c r="H13" s="11" t="s">
        <v>11</v>
      </c>
      <c r="I13" s="11" t="s">
        <v>11</v>
      </c>
      <c r="J13" s="11" t="s">
        <v>14</v>
      </c>
    </row>
    <row r="14" spans="1:10" s="3" customFormat="1" x14ac:dyDescent="0.25">
      <c r="A14" s="11" t="s">
        <v>272</v>
      </c>
      <c r="B14" s="11" t="s">
        <v>11</v>
      </c>
      <c r="C14" s="11" t="s">
        <v>12</v>
      </c>
      <c r="D14" s="11" t="s">
        <v>285</v>
      </c>
      <c r="E14" s="11" t="s">
        <v>45</v>
      </c>
      <c r="F14" s="55">
        <v>0.7</v>
      </c>
      <c r="G14" s="11" t="s">
        <v>11</v>
      </c>
      <c r="H14" s="11" t="s">
        <v>11</v>
      </c>
      <c r="I14" s="11" t="s">
        <v>11</v>
      </c>
      <c r="J14" s="11" t="s">
        <v>14</v>
      </c>
    </row>
    <row r="15" spans="1:10" s="3" customFormat="1" x14ac:dyDescent="0.25">
      <c r="A15" s="11" t="s">
        <v>273</v>
      </c>
      <c r="B15" s="11" t="s">
        <v>11</v>
      </c>
      <c r="C15" s="11" t="s">
        <v>12</v>
      </c>
      <c r="D15" s="11" t="s">
        <v>285</v>
      </c>
      <c r="E15" s="11" t="s">
        <v>45</v>
      </c>
      <c r="F15" s="55">
        <v>0.7</v>
      </c>
      <c r="G15" s="11" t="s">
        <v>11</v>
      </c>
      <c r="H15" s="11" t="s">
        <v>11</v>
      </c>
      <c r="I15" s="11" t="s">
        <v>11</v>
      </c>
      <c r="J15" s="11" t="s">
        <v>14</v>
      </c>
    </row>
    <row r="16" spans="1:10" s="3" customFormat="1" x14ac:dyDescent="0.25">
      <c r="A16" s="11" t="s">
        <v>274</v>
      </c>
      <c r="B16" s="11" t="s">
        <v>11</v>
      </c>
      <c r="C16" s="11" t="s">
        <v>12</v>
      </c>
      <c r="D16" s="11" t="s">
        <v>285</v>
      </c>
      <c r="E16" s="11" t="s">
        <v>45</v>
      </c>
      <c r="F16" s="55">
        <v>0.4</v>
      </c>
      <c r="G16" s="11" t="s">
        <v>11</v>
      </c>
      <c r="H16" s="11" t="s">
        <v>11</v>
      </c>
      <c r="I16" s="11" t="s">
        <v>11</v>
      </c>
      <c r="J16" s="11" t="s">
        <v>15</v>
      </c>
    </row>
    <row r="17" spans="1:10" s="3" customFormat="1" x14ac:dyDescent="0.25">
      <c r="A17" s="11" t="s">
        <v>275</v>
      </c>
      <c r="B17" s="11" t="s">
        <v>11</v>
      </c>
      <c r="C17" s="11" t="s">
        <v>12</v>
      </c>
      <c r="D17" s="11" t="s">
        <v>285</v>
      </c>
      <c r="E17" s="11" t="s">
        <v>45</v>
      </c>
      <c r="F17" s="55">
        <v>0.7</v>
      </c>
      <c r="G17" s="11" t="s">
        <v>11</v>
      </c>
      <c r="H17" s="11" t="s">
        <v>11</v>
      </c>
      <c r="I17" s="11" t="s">
        <v>11</v>
      </c>
      <c r="J17" s="11">
        <v>20</v>
      </c>
    </row>
    <row r="18" spans="1:10" s="3" customFormat="1" x14ac:dyDescent="0.25">
      <c r="A18" s="11" t="s">
        <v>276</v>
      </c>
      <c r="B18" s="11" t="s">
        <v>11</v>
      </c>
      <c r="C18" s="11" t="s">
        <v>12</v>
      </c>
      <c r="D18" s="11" t="s">
        <v>285</v>
      </c>
      <c r="E18" s="11" t="s">
        <v>45</v>
      </c>
      <c r="F18" s="55">
        <v>0.7</v>
      </c>
      <c r="G18" s="11" t="s">
        <v>11</v>
      </c>
      <c r="H18" s="11" t="s">
        <v>11</v>
      </c>
      <c r="I18" s="11" t="s">
        <v>11</v>
      </c>
      <c r="J18" s="11" t="s">
        <v>14</v>
      </c>
    </row>
    <row r="19" spans="1:10" s="3" customFormat="1" x14ac:dyDescent="0.25">
      <c r="A19" s="11" t="s">
        <v>277</v>
      </c>
      <c r="B19" s="11" t="s">
        <v>11</v>
      </c>
      <c r="C19" s="11" t="s">
        <v>12</v>
      </c>
      <c r="D19" s="11" t="s">
        <v>285</v>
      </c>
      <c r="E19" s="11" t="s">
        <v>45</v>
      </c>
      <c r="F19" s="55">
        <v>1</v>
      </c>
      <c r="G19" s="11" t="s">
        <v>11</v>
      </c>
      <c r="H19" s="11" t="s">
        <v>11</v>
      </c>
      <c r="I19" s="11" t="s">
        <v>11</v>
      </c>
      <c r="J19" s="11" t="s">
        <v>14</v>
      </c>
    </row>
    <row r="20" spans="1:10" s="3" customFormat="1" x14ac:dyDescent="0.25">
      <c r="A20" s="11" t="s">
        <v>278</v>
      </c>
      <c r="B20" s="11" t="s">
        <v>11</v>
      </c>
      <c r="C20" s="11" t="s">
        <v>12</v>
      </c>
      <c r="D20" s="11" t="s">
        <v>285</v>
      </c>
      <c r="E20" s="11" t="s">
        <v>45</v>
      </c>
      <c r="F20" s="55">
        <v>0.7</v>
      </c>
      <c r="G20" s="11" t="s">
        <v>11</v>
      </c>
      <c r="H20" s="11" t="s">
        <v>11</v>
      </c>
      <c r="I20" s="11" t="s">
        <v>11</v>
      </c>
      <c r="J20" s="11" t="s">
        <v>14</v>
      </c>
    </row>
    <row r="21" spans="1:10" s="3" customFormat="1" x14ac:dyDescent="0.25">
      <c r="A21" s="11" t="s">
        <v>279</v>
      </c>
      <c r="B21" s="11" t="s">
        <v>11</v>
      </c>
      <c r="C21" s="11" t="s">
        <v>12</v>
      </c>
      <c r="D21" s="11" t="s">
        <v>285</v>
      </c>
      <c r="E21" s="11" t="s">
        <v>45</v>
      </c>
      <c r="F21" s="55">
        <v>0.4</v>
      </c>
      <c r="G21" s="11" t="s">
        <v>11</v>
      </c>
      <c r="H21" s="11" t="s">
        <v>11</v>
      </c>
      <c r="I21" s="11" t="s">
        <v>11</v>
      </c>
      <c r="J21" s="11" t="s">
        <v>14</v>
      </c>
    </row>
    <row r="22" spans="1:10" s="3" customFormat="1" x14ac:dyDescent="0.25">
      <c r="A22" s="11" t="s">
        <v>280</v>
      </c>
      <c r="B22" s="11" t="s">
        <v>11</v>
      </c>
      <c r="C22" s="11" t="s">
        <v>12</v>
      </c>
      <c r="D22" s="11" t="s">
        <v>285</v>
      </c>
      <c r="E22" s="11" t="s">
        <v>45</v>
      </c>
      <c r="F22" s="55">
        <v>0.7</v>
      </c>
      <c r="G22" s="11" t="s">
        <v>11</v>
      </c>
      <c r="H22" s="11" t="s">
        <v>11</v>
      </c>
      <c r="I22" s="11" t="s">
        <v>11</v>
      </c>
      <c r="J22" s="11" t="s">
        <v>14</v>
      </c>
    </row>
    <row r="23" spans="1:10" s="3" customFormat="1" x14ac:dyDescent="0.25">
      <c r="A23" s="11" t="s">
        <v>281</v>
      </c>
      <c r="B23" s="11" t="s">
        <v>11</v>
      </c>
      <c r="C23" s="11" t="s">
        <v>12</v>
      </c>
      <c r="D23" s="11" t="s">
        <v>285</v>
      </c>
      <c r="E23" s="11" t="s">
        <v>45</v>
      </c>
      <c r="F23" s="55">
        <v>0.4</v>
      </c>
      <c r="G23" s="11" t="s">
        <v>11</v>
      </c>
      <c r="H23" s="11" t="s">
        <v>11</v>
      </c>
      <c r="I23" s="11" t="s">
        <v>11</v>
      </c>
      <c r="J23" s="11" t="s">
        <v>14</v>
      </c>
    </row>
    <row r="24" spans="1:10" s="3" customFormat="1" x14ac:dyDescent="0.25">
      <c r="A24" s="11" t="s">
        <v>282</v>
      </c>
      <c r="B24" s="11" t="s">
        <v>11</v>
      </c>
      <c r="C24" s="11" t="s">
        <v>12</v>
      </c>
      <c r="D24" s="11" t="s">
        <v>285</v>
      </c>
      <c r="E24" s="11" t="s">
        <v>45</v>
      </c>
      <c r="F24" s="55">
        <v>0.7</v>
      </c>
      <c r="G24" s="11" t="s">
        <v>11</v>
      </c>
      <c r="H24" s="11" t="s">
        <v>11</v>
      </c>
      <c r="I24" s="11" t="s">
        <v>16</v>
      </c>
      <c r="J24" s="11" t="s">
        <v>19</v>
      </c>
    </row>
    <row r="25" spans="1:10" s="3" customFormat="1" x14ac:dyDescent="0.25">
      <c r="A25" s="11" t="s">
        <v>283</v>
      </c>
      <c r="B25" s="11" t="s">
        <v>11</v>
      </c>
      <c r="C25" s="11" t="s">
        <v>12</v>
      </c>
      <c r="D25" s="11" t="s">
        <v>285</v>
      </c>
      <c r="E25" s="11" t="s">
        <v>45</v>
      </c>
      <c r="F25" s="55">
        <v>0.7</v>
      </c>
      <c r="G25" s="11" t="s">
        <v>11</v>
      </c>
      <c r="H25" s="11" t="s">
        <v>11</v>
      </c>
      <c r="I25" s="11" t="s">
        <v>11</v>
      </c>
      <c r="J25" s="11" t="s">
        <v>14</v>
      </c>
    </row>
    <row r="26" spans="1:10" s="3" customFormat="1" x14ac:dyDescent="0.25">
      <c r="A26" s="11" t="s">
        <v>284</v>
      </c>
      <c r="B26" s="11" t="s">
        <v>11</v>
      </c>
      <c r="C26" s="11" t="s">
        <v>12</v>
      </c>
      <c r="D26" s="11" t="s">
        <v>285</v>
      </c>
      <c r="E26" s="11" t="s">
        <v>45</v>
      </c>
      <c r="F26" s="55">
        <v>1.1499999999999999</v>
      </c>
      <c r="G26" s="11" t="s">
        <v>11</v>
      </c>
      <c r="H26" s="11" t="s">
        <v>11</v>
      </c>
      <c r="I26" s="11" t="s">
        <v>16</v>
      </c>
      <c r="J26" s="11" t="s">
        <v>19</v>
      </c>
    </row>
    <row r="27" spans="1:10" s="3" customFormat="1" x14ac:dyDescent="0.25">
      <c r="A27" s="11" t="s">
        <v>287</v>
      </c>
      <c r="B27" s="11" t="s">
        <v>11</v>
      </c>
      <c r="C27" s="11" t="s">
        <v>12</v>
      </c>
      <c r="D27" s="11" t="s">
        <v>285</v>
      </c>
      <c r="E27" s="11" t="s">
        <v>45</v>
      </c>
      <c r="F27" s="55">
        <v>0.7</v>
      </c>
      <c r="G27" s="11" t="s">
        <v>11</v>
      </c>
      <c r="H27" s="11" t="s">
        <v>11</v>
      </c>
      <c r="I27" s="11" t="s">
        <v>11</v>
      </c>
      <c r="J27" s="11" t="s">
        <v>14</v>
      </c>
    </row>
    <row r="28" spans="1:10" s="3" customFormat="1" x14ac:dyDescent="0.25">
      <c r="A28" s="11" t="s">
        <v>288</v>
      </c>
      <c r="B28" s="11" t="s">
        <v>11</v>
      </c>
      <c r="C28" s="11" t="s">
        <v>12</v>
      </c>
      <c r="D28" s="11" t="s">
        <v>285</v>
      </c>
      <c r="E28" s="11" t="s">
        <v>45</v>
      </c>
      <c r="F28" s="55">
        <v>0.7</v>
      </c>
      <c r="G28" s="11" t="s">
        <v>11</v>
      </c>
      <c r="H28" s="11" t="s">
        <v>11</v>
      </c>
      <c r="I28" s="11" t="s">
        <v>11</v>
      </c>
      <c r="J28" s="11" t="s">
        <v>14</v>
      </c>
    </row>
    <row r="29" spans="1:10" s="3" customFormat="1" x14ac:dyDescent="0.25">
      <c r="A29"/>
      <c r="B29"/>
      <c r="C29"/>
      <c r="D29"/>
      <c r="E29"/>
      <c r="F29" s="8"/>
      <c r="G29"/>
      <c r="H29"/>
      <c r="I29"/>
      <c r="J29"/>
    </row>
    <row r="30" spans="1:10" s="3" customFormat="1" x14ac:dyDescent="0.25">
      <c r="A30"/>
      <c r="B30"/>
      <c r="C30"/>
      <c r="D30"/>
      <c r="E30"/>
      <c r="F30" s="8"/>
      <c r="G30"/>
      <c r="H30"/>
      <c r="I30"/>
      <c r="J30"/>
    </row>
    <row r="31" spans="1:10" s="3" customFormat="1" x14ac:dyDescent="0.25">
      <c r="A31"/>
      <c r="B31"/>
      <c r="C31"/>
      <c r="D31"/>
      <c r="E31"/>
      <c r="F31" s="8"/>
      <c r="G31"/>
      <c r="H31"/>
      <c r="I31"/>
      <c r="J31"/>
    </row>
    <row r="32" spans="1:10" s="3" customFormat="1" x14ac:dyDescent="0.25">
      <c r="A32"/>
      <c r="B32"/>
      <c r="C32"/>
      <c r="D32"/>
      <c r="E32"/>
      <c r="F32" s="8"/>
      <c r="G32"/>
      <c r="H32"/>
      <c r="I32"/>
      <c r="J32"/>
    </row>
    <row r="33" spans="1:10" s="3" customFormat="1" x14ac:dyDescent="0.25">
      <c r="A33"/>
      <c r="B33"/>
      <c r="C33"/>
      <c r="D33"/>
      <c r="E33"/>
      <c r="F33" s="8"/>
      <c r="G33"/>
      <c r="H33"/>
      <c r="I33"/>
      <c r="J33"/>
    </row>
    <row r="34" spans="1:10" s="3" customFormat="1" x14ac:dyDescent="0.25">
      <c r="A34"/>
      <c r="B34"/>
      <c r="C34"/>
      <c r="D34"/>
      <c r="E34"/>
      <c r="F34" s="8"/>
      <c r="G34"/>
      <c r="H34"/>
      <c r="I34"/>
      <c r="J34"/>
    </row>
    <row r="35" spans="1:10" s="3" customFormat="1" x14ac:dyDescent="0.25">
      <c r="A35"/>
      <c r="B35"/>
      <c r="C35"/>
      <c r="D35"/>
      <c r="E35"/>
      <c r="F35" s="8"/>
      <c r="G35"/>
      <c r="H35"/>
      <c r="I35"/>
      <c r="J35"/>
    </row>
    <row r="36" spans="1:10" s="3" customFormat="1" x14ac:dyDescent="0.25">
      <c r="A36"/>
      <c r="B36"/>
      <c r="C36"/>
      <c r="D36"/>
      <c r="E36"/>
      <c r="F36" s="8"/>
      <c r="G36"/>
      <c r="H36"/>
      <c r="I36"/>
      <c r="J36"/>
    </row>
    <row r="37" spans="1:10" s="3" customFormat="1" x14ac:dyDescent="0.25">
      <c r="A37"/>
      <c r="B37"/>
      <c r="C37"/>
      <c r="D37"/>
      <c r="E37"/>
      <c r="F37" s="8"/>
      <c r="G37"/>
      <c r="H37"/>
      <c r="I37"/>
      <c r="J37"/>
    </row>
    <row r="38" spans="1:10" s="3" customFormat="1" x14ac:dyDescent="0.25">
      <c r="A38"/>
      <c r="B38"/>
      <c r="C38"/>
      <c r="D38"/>
      <c r="E38"/>
      <c r="F38" s="8"/>
      <c r="G38"/>
      <c r="H38"/>
      <c r="I38"/>
      <c r="J38"/>
    </row>
    <row r="39" spans="1:10" s="3" customFormat="1" x14ac:dyDescent="0.25">
      <c r="A39"/>
      <c r="B39"/>
      <c r="C39"/>
      <c r="D39"/>
      <c r="E39"/>
      <c r="F39" s="8"/>
      <c r="G39"/>
      <c r="H39"/>
      <c r="I39"/>
      <c r="J39"/>
    </row>
    <row r="40" spans="1:10" s="3" customFormat="1" x14ac:dyDescent="0.25">
      <c r="A40"/>
      <c r="B40"/>
      <c r="C40"/>
      <c r="D40"/>
      <c r="E40"/>
      <c r="F40" s="8"/>
      <c r="G40"/>
      <c r="H40"/>
      <c r="I40"/>
      <c r="J40"/>
    </row>
    <row r="41" spans="1:10" s="3" customFormat="1" x14ac:dyDescent="0.25">
      <c r="A41"/>
      <c r="B41"/>
      <c r="C41"/>
      <c r="D41"/>
      <c r="E41"/>
      <c r="F41" s="8"/>
      <c r="G41"/>
      <c r="H41"/>
      <c r="I41"/>
      <c r="J41"/>
    </row>
    <row r="42" spans="1:10" s="3" customFormat="1" x14ac:dyDescent="0.25">
      <c r="A42"/>
      <c r="B42"/>
      <c r="C42"/>
      <c r="D42"/>
      <c r="E42"/>
      <c r="F42" s="8"/>
      <c r="G42"/>
      <c r="H42"/>
      <c r="I42"/>
      <c r="J42"/>
    </row>
    <row r="43" spans="1:10" s="3" customFormat="1" x14ac:dyDescent="0.25">
      <c r="A43"/>
      <c r="B43"/>
      <c r="C43"/>
      <c r="D43"/>
      <c r="E43"/>
      <c r="F43" s="8"/>
      <c r="G43"/>
      <c r="H43"/>
      <c r="I43"/>
      <c r="J43"/>
    </row>
    <row r="44" spans="1:10" s="3" customFormat="1" x14ac:dyDescent="0.25">
      <c r="A44"/>
      <c r="B44"/>
      <c r="C44"/>
      <c r="D44"/>
      <c r="E44"/>
      <c r="F44" s="8"/>
      <c r="G44"/>
      <c r="H44"/>
      <c r="I44"/>
      <c r="J44"/>
    </row>
  </sheetData>
  <mergeCells count="2">
    <mergeCell ref="A4:J4"/>
    <mergeCell ref="A5:J5"/>
  </mergeCells>
  <pageMargins left="0.511811024" right="0.511811024" top="0.78740157499999996" bottom="0.78740157499999996" header="0.31496062000000002" footer="0.3149606200000000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8"/>
  <sheetViews>
    <sheetView workbookViewId="0"/>
  </sheetViews>
  <sheetFormatPr defaultRowHeight="15" x14ac:dyDescent="0.25"/>
  <cols>
    <col min="2" max="2" width="42.7109375" customWidth="1"/>
    <col min="3" max="3" width="10.42578125" bestFit="1" customWidth="1"/>
    <col min="4" max="4" width="15.5703125" bestFit="1" customWidth="1"/>
    <col min="5" max="5" width="43.5703125" bestFit="1" customWidth="1"/>
    <col min="6" max="6" width="7.85546875" bestFit="1" customWidth="1"/>
    <col min="7" max="7" width="16.5703125" bestFit="1" customWidth="1"/>
    <col min="8" max="8" width="4.28515625" bestFit="1" customWidth="1"/>
    <col min="9" max="9" width="35.85546875" bestFit="1" customWidth="1"/>
    <col min="10" max="10" width="12" bestFit="1" customWidth="1"/>
  </cols>
  <sheetData>
    <row r="1" spans="1:10" s="3" customFormat="1" x14ac:dyDescent="0.25">
      <c r="A1" s="5" t="s">
        <v>184</v>
      </c>
      <c r="B1"/>
      <c r="C1"/>
      <c r="D1"/>
      <c r="E1"/>
      <c r="F1"/>
      <c r="G1"/>
      <c r="H1"/>
    </row>
    <row r="2" spans="1:10" s="3" customFormat="1" x14ac:dyDescent="0.25">
      <c r="A2" s="5" t="s">
        <v>181</v>
      </c>
      <c r="B2"/>
      <c r="C2"/>
      <c r="D2"/>
      <c r="E2"/>
      <c r="F2"/>
      <c r="G2"/>
      <c r="H2"/>
    </row>
    <row r="3" spans="1:10" s="3" customFormat="1" x14ac:dyDescent="0.25">
      <c r="A3" s="5" t="s">
        <v>182</v>
      </c>
      <c r="B3"/>
      <c r="C3"/>
      <c r="D3"/>
      <c r="E3"/>
      <c r="F3"/>
      <c r="G3"/>
      <c r="H3"/>
    </row>
    <row r="4" spans="1:10" s="3" customFormat="1" ht="15" customHeight="1" x14ac:dyDescent="0.25">
      <c r="A4" s="30" t="s">
        <v>294</v>
      </c>
      <c r="B4" s="31"/>
      <c r="C4" s="31"/>
      <c r="D4" s="31"/>
      <c r="E4" s="31"/>
      <c r="F4" s="31"/>
      <c r="G4" s="31"/>
      <c r="H4" s="31"/>
      <c r="I4" s="31"/>
      <c r="J4" s="32"/>
    </row>
    <row r="5" spans="1:10" s="3" customFormat="1" ht="82.5" customHeight="1" x14ac:dyDescent="0.25">
      <c r="A5" s="39" t="s">
        <v>180</v>
      </c>
      <c r="B5" s="40"/>
      <c r="C5" s="40"/>
      <c r="D5" s="40"/>
      <c r="E5" s="40"/>
      <c r="F5" s="40"/>
      <c r="G5" s="40"/>
      <c r="H5" s="40"/>
      <c r="I5" s="40"/>
      <c r="J5" s="41"/>
    </row>
    <row r="6" spans="1:10" s="9" customFormat="1" x14ac:dyDescent="0.25">
      <c r="A6" s="18" t="s">
        <v>0</v>
      </c>
      <c r="B6" s="18" t="s">
        <v>1</v>
      </c>
      <c r="C6" s="18" t="s">
        <v>2</v>
      </c>
      <c r="D6" s="18" t="s">
        <v>296</v>
      </c>
      <c r="E6" s="18" t="s">
        <v>5</v>
      </c>
      <c r="F6" s="18" t="s">
        <v>6</v>
      </c>
      <c r="G6" s="18" t="s">
        <v>7</v>
      </c>
      <c r="H6" s="18" t="s">
        <v>8</v>
      </c>
      <c r="I6" s="18" t="s">
        <v>9</v>
      </c>
      <c r="J6" s="18" t="s">
        <v>10</v>
      </c>
    </row>
    <row r="7" spans="1:10" s="1" customFormat="1" ht="30" x14ac:dyDescent="0.25">
      <c r="A7" s="11" t="s">
        <v>292</v>
      </c>
      <c r="B7" s="19" t="s">
        <v>297</v>
      </c>
      <c r="C7" s="11" t="s">
        <v>12</v>
      </c>
      <c r="D7" s="11" t="s">
        <v>295</v>
      </c>
      <c r="E7" s="11" t="s">
        <v>45</v>
      </c>
      <c r="F7" s="55">
        <v>0.5</v>
      </c>
      <c r="G7" s="11" t="s">
        <v>11</v>
      </c>
      <c r="H7" s="11" t="s">
        <v>11</v>
      </c>
      <c r="I7" s="11" t="s">
        <v>16</v>
      </c>
      <c r="J7" s="11" t="s">
        <v>19</v>
      </c>
    </row>
    <row r="8" spans="1:10" s="1" customFormat="1" ht="30" x14ac:dyDescent="0.25">
      <c r="A8" s="11" t="s">
        <v>293</v>
      </c>
      <c r="B8" s="19" t="s">
        <v>298</v>
      </c>
      <c r="C8" s="11" t="s">
        <v>12</v>
      </c>
      <c r="D8" s="11" t="s">
        <v>295</v>
      </c>
      <c r="E8" s="11" t="s">
        <v>45</v>
      </c>
      <c r="F8" s="55">
        <v>0.5</v>
      </c>
      <c r="G8" s="11" t="s">
        <v>11</v>
      </c>
      <c r="H8" s="11" t="s">
        <v>11</v>
      </c>
      <c r="I8" s="11" t="s">
        <v>16</v>
      </c>
      <c r="J8" s="11" t="s">
        <v>19</v>
      </c>
    </row>
  </sheetData>
  <mergeCells count="2">
    <mergeCell ref="A4:J4"/>
    <mergeCell ref="A5:J5"/>
  </mergeCells>
  <pageMargins left="0.511811024" right="0.511811024" top="0.78740157499999996" bottom="0.78740157499999996" header="0.31496062000000002" footer="0.3149606200000000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7"/>
  <sheetViews>
    <sheetView workbookViewId="0"/>
  </sheetViews>
  <sheetFormatPr defaultRowHeight="15" x14ac:dyDescent="0.25"/>
  <cols>
    <col min="2" max="2" width="9.42578125" bestFit="1" customWidth="1"/>
    <col min="3" max="3" width="10.42578125" bestFit="1" customWidth="1"/>
    <col min="4" max="4" width="20.7109375" bestFit="1" customWidth="1"/>
    <col min="5" max="6" width="5.42578125" bestFit="1" customWidth="1"/>
    <col min="7" max="7" width="43.5703125" bestFit="1" customWidth="1"/>
    <col min="8" max="8" width="7.85546875" bestFit="1" customWidth="1"/>
    <col min="9" max="9" width="16.5703125" bestFit="1" customWidth="1"/>
    <col min="10" max="10" width="4.28515625" bestFit="1" customWidth="1"/>
    <col min="11" max="11" width="25" bestFit="1" customWidth="1"/>
    <col min="12" max="12" width="12" bestFit="1" customWidth="1"/>
  </cols>
  <sheetData>
    <row r="1" spans="1:12" s="3" customFormat="1" x14ac:dyDescent="0.25">
      <c r="A1" s="5" t="s">
        <v>184</v>
      </c>
      <c r="B1"/>
      <c r="C1"/>
      <c r="D1"/>
      <c r="E1"/>
      <c r="F1"/>
      <c r="G1"/>
      <c r="H1"/>
      <c r="I1"/>
      <c r="J1"/>
    </row>
    <row r="2" spans="1:12" s="3" customFormat="1" x14ac:dyDescent="0.25">
      <c r="A2" s="5" t="s">
        <v>181</v>
      </c>
      <c r="B2"/>
      <c r="C2"/>
      <c r="D2"/>
      <c r="E2"/>
      <c r="F2"/>
      <c r="G2"/>
      <c r="H2"/>
      <c r="I2"/>
      <c r="J2"/>
    </row>
    <row r="3" spans="1:12" s="3" customFormat="1" x14ac:dyDescent="0.25">
      <c r="A3" s="5" t="s">
        <v>182</v>
      </c>
      <c r="B3"/>
      <c r="C3"/>
      <c r="D3"/>
      <c r="E3"/>
      <c r="F3"/>
      <c r="G3"/>
      <c r="H3"/>
      <c r="I3"/>
      <c r="J3"/>
    </row>
    <row r="4" spans="1:12" s="3" customFormat="1" ht="15" customHeight="1" x14ac:dyDescent="0.25">
      <c r="A4" s="30" t="s">
        <v>299</v>
      </c>
      <c r="B4" s="31"/>
      <c r="C4" s="31"/>
      <c r="D4" s="31"/>
      <c r="E4" s="31"/>
      <c r="F4" s="31"/>
      <c r="G4" s="31"/>
      <c r="H4" s="31"/>
      <c r="I4" s="31"/>
      <c r="J4" s="31"/>
      <c r="K4" s="31"/>
      <c r="L4" s="32"/>
    </row>
    <row r="5" spans="1:12" s="3" customFormat="1" ht="82.5" customHeight="1" x14ac:dyDescent="0.25">
      <c r="A5" s="42" t="s">
        <v>180</v>
      </c>
      <c r="B5" s="43"/>
      <c r="C5" s="43"/>
      <c r="D5" s="43"/>
      <c r="E5" s="43"/>
      <c r="F5" s="43"/>
      <c r="G5" s="43"/>
      <c r="H5" s="43"/>
      <c r="I5" s="43"/>
      <c r="J5" s="43"/>
      <c r="K5" s="43"/>
      <c r="L5" s="44"/>
    </row>
    <row r="6" spans="1:12" s="7" customFormat="1" ht="75" x14ac:dyDescent="0.25">
      <c r="A6" s="10" t="s">
        <v>0</v>
      </c>
      <c r="B6" s="10" t="s">
        <v>1</v>
      </c>
      <c r="C6" s="10" t="s">
        <v>2</v>
      </c>
      <c r="D6" s="10" t="s">
        <v>301</v>
      </c>
      <c r="E6" s="10" t="s">
        <v>3</v>
      </c>
      <c r="F6" s="10" t="s">
        <v>4</v>
      </c>
      <c r="G6" s="10" t="s">
        <v>5</v>
      </c>
      <c r="H6" s="10" t="s">
        <v>6</v>
      </c>
      <c r="I6" s="10" t="s">
        <v>7</v>
      </c>
      <c r="J6" s="10" t="s">
        <v>8</v>
      </c>
      <c r="K6" s="10" t="s">
        <v>9</v>
      </c>
      <c r="L6" s="10" t="s">
        <v>10</v>
      </c>
    </row>
    <row r="7" spans="1:12" s="3" customFormat="1" x14ac:dyDescent="0.25">
      <c r="A7" s="11" t="s">
        <v>20</v>
      </c>
      <c r="B7" s="11" t="s">
        <v>11</v>
      </c>
      <c r="C7" s="11" t="s">
        <v>12</v>
      </c>
      <c r="D7" s="11" t="s">
        <v>300</v>
      </c>
      <c r="E7" s="11" t="s">
        <v>13</v>
      </c>
      <c r="F7" s="11" t="s">
        <v>13</v>
      </c>
      <c r="G7" s="11" t="s">
        <v>45</v>
      </c>
      <c r="H7" s="55">
        <v>0.2</v>
      </c>
      <c r="I7" s="11" t="s">
        <v>11</v>
      </c>
      <c r="J7" s="11" t="s">
        <v>11</v>
      </c>
      <c r="K7" s="11" t="s">
        <v>11</v>
      </c>
      <c r="L7" s="11" t="s">
        <v>14</v>
      </c>
    </row>
  </sheetData>
  <mergeCells count="2">
    <mergeCell ref="A4:L4"/>
    <mergeCell ref="A5:L5"/>
  </mergeCells>
  <pageMargins left="0.511811024" right="0.511811024" top="0.78740157499999996" bottom="0.78740157499999996" header="0.31496062000000002" footer="0.3149606200000000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0"/>
  <sheetViews>
    <sheetView workbookViewId="0"/>
  </sheetViews>
  <sheetFormatPr defaultRowHeight="15" x14ac:dyDescent="0.25"/>
  <cols>
    <col min="2" max="2" width="9.42578125" bestFit="1" customWidth="1"/>
    <col min="3" max="3" width="10.42578125" bestFit="1" customWidth="1"/>
    <col min="4" max="4" width="27.28515625" bestFit="1" customWidth="1"/>
    <col min="5" max="6" width="5.42578125" bestFit="1" customWidth="1"/>
    <col min="7" max="7" width="43.5703125" bestFit="1" customWidth="1"/>
    <col min="8" max="8" width="7.85546875" bestFit="1" customWidth="1"/>
    <col min="9" max="9" width="16.5703125" bestFit="1" customWidth="1"/>
    <col min="10" max="10" width="4.28515625" bestFit="1" customWidth="1"/>
    <col min="11" max="11" width="25" bestFit="1" customWidth="1"/>
    <col min="12" max="12" width="12" bestFit="1" customWidth="1"/>
  </cols>
  <sheetData>
    <row r="1" spans="1:12" s="3" customFormat="1" x14ac:dyDescent="0.25">
      <c r="A1" s="5" t="s">
        <v>184</v>
      </c>
      <c r="B1"/>
      <c r="C1"/>
      <c r="D1"/>
      <c r="E1"/>
      <c r="F1"/>
      <c r="G1"/>
      <c r="H1"/>
      <c r="I1"/>
      <c r="J1"/>
    </row>
    <row r="2" spans="1:12" s="3" customFormat="1" x14ac:dyDescent="0.25">
      <c r="A2" s="5" t="s">
        <v>181</v>
      </c>
      <c r="B2"/>
      <c r="C2"/>
      <c r="D2"/>
      <c r="E2"/>
      <c r="F2"/>
      <c r="G2"/>
      <c r="H2"/>
      <c r="I2"/>
      <c r="J2"/>
    </row>
    <row r="3" spans="1:12" s="3" customFormat="1" x14ac:dyDescent="0.25">
      <c r="A3" s="5" t="s">
        <v>182</v>
      </c>
      <c r="B3"/>
      <c r="C3"/>
      <c r="D3"/>
      <c r="E3"/>
      <c r="F3"/>
      <c r="G3"/>
      <c r="H3"/>
      <c r="I3"/>
      <c r="J3"/>
    </row>
    <row r="4" spans="1:12" s="3" customFormat="1" ht="15" customHeight="1" x14ac:dyDescent="0.25">
      <c r="A4" s="45" t="s">
        <v>302</v>
      </c>
      <c r="B4" s="45"/>
      <c r="C4" s="45"/>
      <c r="D4" s="45"/>
      <c r="E4" s="45"/>
      <c r="F4" s="45"/>
      <c r="G4" s="45"/>
      <c r="H4" s="45"/>
      <c r="I4" s="45"/>
      <c r="J4" s="45"/>
      <c r="K4" s="45"/>
      <c r="L4" s="45"/>
    </row>
    <row r="5" spans="1:12" s="3" customFormat="1" ht="82.5" customHeight="1" x14ac:dyDescent="0.25">
      <c r="A5" s="46" t="s">
        <v>180</v>
      </c>
      <c r="B5" s="46"/>
      <c r="C5" s="46"/>
      <c r="D5" s="46"/>
      <c r="E5" s="46"/>
      <c r="F5" s="46"/>
      <c r="G5" s="46"/>
      <c r="H5" s="46"/>
      <c r="I5" s="46"/>
      <c r="J5" s="46"/>
      <c r="K5" s="46"/>
      <c r="L5" s="46"/>
    </row>
    <row r="6" spans="1:12" s="6" customFormat="1" x14ac:dyDescent="0.25">
      <c r="A6" s="12" t="s">
        <v>0</v>
      </c>
      <c r="B6" s="12" t="s">
        <v>1</v>
      </c>
      <c r="C6" s="12" t="s">
        <v>2</v>
      </c>
      <c r="D6" s="13" t="s">
        <v>47</v>
      </c>
      <c r="E6" s="12" t="s">
        <v>3</v>
      </c>
      <c r="F6" s="12" t="s">
        <v>4</v>
      </c>
      <c r="G6" s="12" t="s">
        <v>5</v>
      </c>
      <c r="H6" s="12" t="s">
        <v>6</v>
      </c>
      <c r="I6" s="12" t="s">
        <v>7</v>
      </c>
      <c r="J6" s="12" t="s">
        <v>8</v>
      </c>
      <c r="K6" s="12" t="s">
        <v>9</v>
      </c>
      <c r="L6" s="12" t="s">
        <v>10</v>
      </c>
    </row>
    <row r="7" spans="1:12" x14ac:dyDescent="0.25">
      <c r="A7" s="11" t="s">
        <v>21</v>
      </c>
      <c r="B7" s="11" t="s">
        <v>11</v>
      </c>
      <c r="C7" s="11" t="s">
        <v>12</v>
      </c>
      <c r="D7" s="11" t="s">
        <v>46</v>
      </c>
      <c r="E7" s="11" t="s">
        <v>13</v>
      </c>
      <c r="F7" s="11" t="s">
        <v>13</v>
      </c>
      <c r="G7" s="11" t="s">
        <v>45</v>
      </c>
      <c r="H7" s="55">
        <v>0.38</v>
      </c>
      <c r="I7" s="11" t="s">
        <v>11</v>
      </c>
      <c r="J7" s="11" t="s">
        <v>11</v>
      </c>
      <c r="K7" s="11" t="s">
        <v>11</v>
      </c>
      <c r="L7" s="11" t="s">
        <v>14</v>
      </c>
    </row>
    <row r="8" spans="1:12" x14ac:dyDescent="0.25">
      <c r="A8" s="11" t="s">
        <v>22</v>
      </c>
      <c r="B8" s="11" t="s">
        <v>11</v>
      </c>
      <c r="C8" s="11" t="s">
        <v>12</v>
      </c>
      <c r="D8" s="11" t="s">
        <v>46</v>
      </c>
      <c r="E8" s="11" t="s">
        <v>13</v>
      </c>
      <c r="F8" s="11" t="s">
        <v>13</v>
      </c>
      <c r="G8" s="11" t="s">
        <v>45</v>
      </c>
      <c r="H8" s="55">
        <v>0.38</v>
      </c>
      <c r="I8" s="11" t="s">
        <v>11</v>
      </c>
      <c r="J8" s="11" t="s">
        <v>11</v>
      </c>
      <c r="K8" s="11" t="s">
        <v>11</v>
      </c>
      <c r="L8" s="11" t="s">
        <v>14</v>
      </c>
    </row>
    <row r="9" spans="1:12" x14ac:dyDescent="0.25">
      <c r="A9" s="11" t="s">
        <v>23</v>
      </c>
      <c r="B9" s="11" t="s">
        <v>11</v>
      </c>
      <c r="C9" s="11" t="s">
        <v>12</v>
      </c>
      <c r="D9" s="11" t="s">
        <v>46</v>
      </c>
      <c r="E9" s="11" t="s">
        <v>13</v>
      </c>
      <c r="F9" s="11" t="s">
        <v>13</v>
      </c>
      <c r="G9" s="11" t="s">
        <v>45</v>
      </c>
      <c r="H9" s="55">
        <v>0.38</v>
      </c>
      <c r="I9" s="11" t="s">
        <v>11</v>
      </c>
      <c r="J9" s="11" t="s">
        <v>11</v>
      </c>
      <c r="K9" s="11" t="s">
        <v>11</v>
      </c>
      <c r="L9" s="11" t="s">
        <v>14</v>
      </c>
    </row>
    <row r="10" spans="1:12" x14ac:dyDescent="0.25">
      <c r="A10" s="11" t="s">
        <v>24</v>
      </c>
      <c r="B10" s="11" t="s">
        <v>11</v>
      </c>
      <c r="C10" s="11" t="s">
        <v>12</v>
      </c>
      <c r="D10" s="11" t="s">
        <v>46</v>
      </c>
      <c r="E10" s="11" t="s">
        <v>13</v>
      </c>
      <c r="F10" s="11" t="s">
        <v>13</v>
      </c>
      <c r="G10" s="11" t="s">
        <v>45</v>
      </c>
      <c r="H10" s="55">
        <v>0.38</v>
      </c>
      <c r="I10" s="11" t="s">
        <v>11</v>
      </c>
      <c r="J10" s="11" t="s">
        <v>11</v>
      </c>
      <c r="K10" s="11" t="s">
        <v>11</v>
      </c>
      <c r="L10" s="11" t="s">
        <v>14</v>
      </c>
    </row>
    <row r="11" spans="1:12" x14ac:dyDescent="0.25">
      <c r="A11" s="11" t="s">
        <v>25</v>
      </c>
      <c r="B11" s="11" t="s">
        <v>11</v>
      </c>
      <c r="C11" s="11" t="s">
        <v>12</v>
      </c>
      <c r="D11" s="11" t="s">
        <v>46</v>
      </c>
      <c r="E11" s="11" t="s">
        <v>13</v>
      </c>
      <c r="F11" s="11" t="s">
        <v>13</v>
      </c>
      <c r="G11" s="11" t="s">
        <v>45</v>
      </c>
      <c r="H11" s="55">
        <v>0.38</v>
      </c>
      <c r="I11" s="11" t="s">
        <v>11</v>
      </c>
      <c r="J11" s="11" t="s">
        <v>11</v>
      </c>
      <c r="K11" s="11" t="s">
        <v>11</v>
      </c>
      <c r="L11" s="11" t="s">
        <v>14</v>
      </c>
    </row>
    <row r="12" spans="1:12" x14ac:dyDescent="0.25">
      <c r="A12" s="11" t="s">
        <v>26</v>
      </c>
      <c r="B12" s="11" t="s">
        <v>11</v>
      </c>
      <c r="C12" s="11" t="s">
        <v>12</v>
      </c>
      <c r="D12" s="11" t="s">
        <v>46</v>
      </c>
      <c r="E12" s="11" t="s">
        <v>13</v>
      </c>
      <c r="F12" s="11" t="s">
        <v>13</v>
      </c>
      <c r="G12" s="11" t="s">
        <v>45</v>
      </c>
      <c r="H12" s="55">
        <v>0.38</v>
      </c>
      <c r="I12" s="11" t="s">
        <v>11</v>
      </c>
      <c r="J12" s="11" t="s">
        <v>11</v>
      </c>
      <c r="K12" s="11" t="s">
        <v>11</v>
      </c>
      <c r="L12" s="11" t="s">
        <v>14</v>
      </c>
    </row>
    <row r="13" spans="1:12" x14ac:dyDescent="0.25">
      <c r="A13" s="11" t="s">
        <v>27</v>
      </c>
      <c r="B13" s="11" t="s">
        <v>11</v>
      </c>
      <c r="C13" s="11" t="s">
        <v>12</v>
      </c>
      <c r="D13" s="11" t="s">
        <v>46</v>
      </c>
      <c r="E13" s="11" t="s">
        <v>13</v>
      </c>
      <c r="F13" s="11" t="s">
        <v>13</v>
      </c>
      <c r="G13" s="11" t="s">
        <v>45</v>
      </c>
      <c r="H13" s="55">
        <v>0.38</v>
      </c>
      <c r="I13" s="11" t="s">
        <v>11</v>
      </c>
      <c r="J13" s="11" t="s">
        <v>11</v>
      </c>
      <c r="K13" s="11" t="s">
        <v>11</v>
      </c>
      <c r="L13" s="11" t="s">
        <v>14</v>
      </c>
    </row>
    <row r="14" spans="1:12" x14ac:dyDescent="0.25">
      <c r="A14" s="11" t="s">
        <v>28</v>
      </c>
      <c r="B14" s="11" t="s">
        <v>11</v>
      </c>
      <c r="C14" s="11" t="s">
        <v>12</v>
      </c>
      <c r="D14" s="11" t="s">
        <v>46</v>
      </c>
      <c r="E14" s="11" t="s">
        <v>13</v>
      </c>
      <c r="F14" s="11" t="s">
        <v>13</v>
      </c>
      <c r="G14" s="11" t="s">
        <v>45</v>
      </c>
      <c r="H14" s="55">
        <v>0.38</v>
      </c>
      <c r="I14" s="11" t="s">
        <v>11</v>
      </c>
      <c r="J14" s="11" t="s">
        <v>11</v>
      </c>
      <c r="K14" s="11" t="s">
        <v>11</v>
      </c>
      <c r="L14" s="11" t="s">
        <v>14</v>
      </c>
    </row>
    <row r="15" spans="1:12" x14ac:dyDescent="0.25">
      <c r="A15" s="11" t="s">
        <v>29</v>
      </c>
      <c r="B15" s="11" t="s">
        <v>11</v>
      </c>
      <c r="C15" s="11" t="s">
        <v>12</v>
      </c>
      <c r="D15" s="11" t="s">
        <v>46</v>
      </c>
      <c r="E15" s="11" t="s">
        <v>13</v>
      </c>
      <c r="F15" s="11" t="s">
        <v>13</v>
      </c>
      <c r="G15" s="11" t="s">
        <v>45</v>
      </c>
      <c r="H15" s="55">
        <v>0.38</v>
      </c>
      <c r="I15" s="11" t="s">
        <v>11</v>
      </c>
      <c r="J15" s="11" t="s">
        <v>11</v>
      </c>
      <c r="K15" s="11" t="s">
        <v>11</v>
      </c>
      <c r="L15" s="11" t="s">
        <v>14</v>
      </c>
    </row>
    <row r="16" spans="1:12" x14ac:dyDescent="0.25">
      <c r="A16" s="11" t="s">
        <v>30</v>
      </c>
      <c r="B16" s="11" t="s">
        <v>11</v>
      </c>
      <c r="C16" s="11" t="s">
        <v>12</v>
      </c>
      <c r="D16" s="11" t="s">
        <v>46</v>
      </c>
      <c r="E16" s="11" t="s">
        <v>13</v>
      </c>
      <c r="F16" s="11" t="s">
        <v>13</v>
      </c>
      <c r="G16" s="11" t="s">
        <v>45</v>
      </c>
      <c r="H16" s="55">
        <v>0.38</v>
      </c>
      <c r="I16" s="11" t="s">
        <v>11</v>
      </c>
      <c r="J16" s="11" t="s">
        <v>11</v>
      </c>
      <c r="K16" s="11" t="s">
        <v>11</v>
      </c>
      <c r="L16" s="11" t="s">
        <v>14</v>
      </c>
    </row>
    <row r="17" spans="1:12" x14ac:dyDescent="0.25">
      <c r="A17" s="11" t="s">
        <v>31</v>
      </c>
      <c r="B17" s="11" t="s">
        <v>11</v>
      </c>
      <c r="C17" s="11" t="s">
        <v>12</v>
      </c>
      <c r="D17" s="11" t="s">
        <v>46</v>
      </c>
      <c r="E17" s="11" t="s">
        <v>13</v>
      </c>
      <c r="F17" s="11" t="s">
        <v>13</v>
      </c>
      <c r="G17" s="11" t="s">
        <v>45</v>
      </c>
      <c r="H17" s="55">
        <v>0.38</v>
      </c>
      <c r="I17" s="11" t="s">
        <v>11</v>
      </c>
      <c r="J17" s="11" t="s">
        <v>11</v>
      </c>
      <c r="K17" s="11" t="s">
        <v>11</v>
      </c>
      <c r="L17" s="11" t="s">
        <v>14</v>
      </c>
    </row>
    <row r="18" spans="1:12" x14ac:dyDescent="0.25">
      <c r="A18" s="11" t="s">
        <v>32</v>
      </c>
      <c r="B18" s="11" t="s">
        <v>11</v>
      </c>
      <c r="C18" s="11" t="s">
        <v>12</v>
      </c>
      <c r="D18" s="11" t="s">
        <v>46</v>
      </c>
      <c r="E18" s="11" t="s">
        <v>13</v>
      </c>
      <c r="F18" s="11" t="s">
        <v>13</v>
      </c>
      <c r="G18" s="11" t="s">
        <v>45</v>
      </c>
      <c r="H18" s="55">
        <v>0.38</v>
      </c>
      <c r="I18" s="11" t="s">
        <v>11</v>
      </c>
      <c r="J18" s="11" t="s">
        <v>11</v>
      </c>
      <c r="K18" s="11" t="s">
        <v>11</v>
      </c>
      <c r="L18" s="11" t="s">
        <v>14</v>
      </c>
    </row>
    <row r="19" spans="1:12" x14ac:dyDescent="0.25">
      <c r="A19" s="11" t="s">
        <v>33</v>
      </c>
      <c r="B19" s="11" t="s">
        <v>11</v>
      </c>
      <c r="C19" s="11" t="s">
        <v>12</v>
      </c>
      <c r="D19" s="11" t="s">
        <v>46</v>
      </c>
      <c r="E19" s="11" t="s">
        <v>13</v>
      </c>
      <c r="F19" s="11" t="s">
        <v>13</v>
      </c>
      <c r="G19" s="11" t="s">
        <v>45</v>
      </c>
      <c r="H19" s="55">
        <v>0.38</v>
      </c>
      <c r="I19" s="11" t="s">
        <v>11</v>
      </c>
      <c r="J19" s="11" t="s">
        <v>11</v>
      </c>
      <c r="K19" s="11" t="s">
        <v>11</v>
      </c>
      <c r="L19" s="11" t="s">
        <v>14</v>
      </c>
    </row>
    <row r="20" spans="1:12" x14ac:dyDescent="0.25">
      <c r="A20" s="11" t="s">
        <v>34</v>
      </c>
      <c r="B20" s="11" t="s">
        <v>11</v>
      </c>
      <c r="C20" s="11" t="s">
        <v>12</v>
      </c>
      <c r="D20" s="11" t="s">
        <v>46</v>
      </c>
      <c r="E20" s="11" t="s">
        <v>13</v>
      </c>
      <c r="F20" s="11" t="s">
        <v>13</v>
      </c>
      <c r="G20" s="11" t="s">
        <v>45</v>
      </c>
      <c r="H20" s="55">
        <v>0.38</v>
      </c>
      <c r="I20" s="11" t="s">
        <v>11</v>
      </c>
      <c r="J20" s="11" t="s">
        <v>11</v>
      </c>
      <c r="K20" s="11" t="s">
        <v>11</v>
      </c>
      <c r="L20" s="11" t="s">
        <v>14</v>
      </c>
    </row>
    <row r="21" spans="1:12" x14ac:dyDescent="0.25">
      <c r="A21" s="11" t="s">
        <v>35</v>
      </c>
      <c r="B21" s="11" t="s">
        <v>11</v>
      </c>
      <c r="C21" s="11" t="s">
        <v>12</v>
      </c>
      <c r="D21" s="11" t="s">
        <v>46</v>
      </c>
      <c r="E21" s="11" t="s">
        <v>13</v>
      </c>
      <c r="F21" s="11" t="s">
        <v>13</v>
      </c>
      <c r="G21" s="11" t="s">
        <v>45</v>
      </c>
      <c r="H21" s="55">
        <v>0.38</v>
      </c>
      <c r="I21" s="11" t="s">
        <v>11</v>
      </c>
      <c r="J21" s="11" t="s">
        <v>11</v>
      </c>
      <c r="K21" s="11" t="s">
        <v>11</v>
      </c>
      <c r="L21" s="11" t="s">
        <v>14</v>
      </c>
    </row>
    <row r="22" spans="1:12" x14ac:dyDescent="0.25">
      <c r="A22" s="11" t="s">
        <v>36</v>
      </c>
      <c r="B22" s="11" t="s">
        <v>11</v>
      </c>
      <c r="C22" s="11" t="s">
        <v>12</v>
      </c>
      <c r="D22" s="11" t="s">
        <v>46</v>
      </c>
      <c r="E22" s="11" t="s">
        <v>13</v>
      </c>
      <c r="F22" s="11" t="s">
        <v>13</v>
      </c>
      <c r="G22" s="11" t="s">
        <v>45</v>
      </c>
      <c r="H22" s="55">
        <v>0.38</v>
      </c>
      <c r="I22" s="11" t="s">
        <v>11</v>
      </c>
      <c r="J22" s="11" t="s">
        <v>11</v>
      </c>
      <c r="K22" s="11" t="s">
        <v>11</v>
      </c>
      <c r="L22" s="11" t="s">
        <v>14</v>
      </c>
    </row>
    <row r="23" spans="1:12" x14ac:dyDescent="0.25">
      <c r="A23" s="11" t="s">
        <v>37</v>
      </c>
      <c r="B23" s="11" t="s">
        <v>11</v>
      </c>
      <c r="C23" s="11" t="s">
        <v>12</v>
      </c>
      <c r="D23" s="11" t="s">
        <v>46</v>
      </c>
      <c r="E23" s="11" t="s">
        <v>13</v>
      </c>
      <c r="F23" s="11" t="s">
        <v>13</v>
      </c>
      <c r="G23" s="11" t="s">
        <v>45</v>
      </c>
      <c r="H23" s="55">
        <v>0.38</v>
      </c>
      <c r="I23" s="11" t="s">
        <v>11</v>
      </c>
      <c r="J23" s="11" t="s">
        <v>11</v>
      </c>
      <c r="K23" s="11" t="s">
        <v>11</v>
      </c>
      <c r="L23" s="11" t="s">
        <v>14</v>
      </c>
    </row>
    <row r="24" spans="1:12" x14ac:dyDescent="0.25">
      <c r="A24" s="11" t="s">
        <v>38</v>
      </c>
      <c r="B24" s="11" t="s">
        <v>11</v>
      </c>
      <c r="C24" s="11" t="s">
        <v>12</v>
      </c>
      <c r="D24" s="11" t="s">
        <v>46</v>
      </c>
      <c r="E24" s="11" t="s">
        <v>13</v>
      </c>
      <c r="F24" s="11" t="s">
        <v>13</v>
      </c>
      <c r="G24" s="11" t="s">
        <v>45</v>
      </c>
      <c r="H24" s="55">
        <v>0.38</v>
      </c>
      <c r="I24" s="11" t="s">
        <v>11</v>
      </c>
      <c r="J24" s="11" t="s">
        <v>11</v>
      </c>
      <c r="K24" s="11" t="s">
        <v>11</v>
      </c>
      <c r="L24" s="11" t="s">
        <v>14</v>
      </c>
    </row>
    <row r="25" spans="1:12" x14ac:dyDescent="0.25">
      <c r="A25" s="11" t="s">
        <v>39</v>
      </c>
      <c r="B25" s="11" t="s">
        <v>11</v>
      </c>
      <c r="C25" s="11" t="s">
        <v>12</v>
      </c>
      <c r="D25" s="11" t="s">
        <v>46</v>
      </c>
      <c r="E25" s="11" t="s">
        <v>13</v>
      </c>
      <c r="F25" s="11" t="s">
        <v>13</v>
      </c>
      <c r="G25" s="11" t="s">
        <v>45</v>
      </c>
      <c r="H25" s="55">
        <v>0.38</v>
      </c>
      <c r="I25" s="11" t="s">
        <v>11</v>
      </c>
      <c r="J25" s="11" t="s">
        <v>11</v>
      </c>
      <c r="K25" s="11" t="s">
        <v>11</v>
      </c>
      <c r="L25" s="11" t="s">
        <v>14</v>
      </c>
    </row>
    <row r="26" spans="1:12" x14ac:dyDescent="0.25">
      <c r="A26" s="11" t="s">
        <v>40</v>
      </c>
      <c r="B26" s="11" t="s">
        <v>11</v>
      </c>
      <c r="C26" s="11" t="s">
        <v>12</v>
      </c>
      <c r="D26" s="11" t="s">
        <v>46</v>
      </c>
      <c r="E26" s="11" t="s">
        <v>13</v>
      </c>
      <c r="F26" s="11" t="s">
        <v>13</v>
      </c>
      <c r="G26" s="11" t="s">
        <v>45</v>
      </c>
      <c r="H26" s="55">
        <v>0.38</v>
      </c>
      <c r="I26" s="11" t="s">
        <v>11</v>
      </c>
      <c r="J26" s="11" t="s">
        <v>11</v>
      </c>
      <c r="K26" s="11" t="s">
        <v>11</v>
      </c>
      <c r="L26" s="11" t="s">
        <v>14</v>
      </c>
    </row>
    <row r="27" spans="1:12" x14ac:dyDescent="0.25">
      <c r="A27" s="11" t="s">
        <v>41</v>
      </c>
      <c r="B27" s="11" t="s">
        <v>11</v>
      </c>
      <c r="C27" s="11" t="s">
        <v>12</v>
      </c>
      <c r="D27" s="11" t="s">
        <v>46</v>
      </c>
      <c r="E27" s="11" t="s">
        <v>13</v>
      </c>
      <c r="F27" s="11" t="s">
        <v>13</v>
      </c>
      <c r="G27" s="11" t="s">
        <v>45</v>
      </c>
      <c r="H27" s="55">
        <v>0.38</v>
      </c>
      <c r="I27" s="11" t="s">
        <v>11</v>
      </c>
      <c r="J27" s="11" t="s">
        <v>11</v>
      </c>
      <c r="K27" s="11" t="s">
        <v>11</v>
      </c>
      <c r="L27" s="11" t="s">
        <v>14</v>
      </c>
    </row>
    <row r="28" spans="1:12" x14ac:dyDescent="0.25">
      <c r="A28" s="11" t="s">
        <v>42</v>
      </c>
      <c r="B28" s="11" t="s">
        <v>11</v>
      </c>
      <c r="C28" s="11" t="s">
        <v>12</v>
      </c>
      <c r="D28" s="11" t="s">
        <v>46</v>
      </c>
      <c r="E28" s="11" t="s">
        <v>13</v>
      </c>
      <c r="F28" s="11" t="s">
        <v>13</v>
      </c>
      <c r="G28" s="11" t="s">
        <v>45</v>
      </c>
      <c r="H28" s="55">
        <v>0.38</v>
      </c>
      <c r="I28" s="11" t="s">
        <v>11</v>
      </c>
      <c r="J28" s="11" t="s">
        <v>11</v>
      </c>
      <c r="K28" s="11" t="s">
        <v>11</v>
      </c>
      <c r="L28" s="11" t="s">
        <v>14</v>
      </c>
    </row>
    <row r="29" spans="1:12" x14ac:dyDescent="0.25">
      <c r="A29" s="11" t="s">
        <v>43</v>
      </c>
      <c r="B29" s="11" t="s">
        <v>11</v>
      </c>
      <c r="C29" s="11" t="s">
        <v>12</v>
      </c>
      <c r="D29" s="11" t="s">
        <v>46</v>
      </c>
      <c r="E29" s="11" t="s">
        <v>13</v>
      </c>
      <c r="F29" s="11" t="s">
        <v>13</v>
      </c>
      <c r="G29" s="11" t="s">
        <v>45</v>
      </c>
      <c r="H29" s="55">
        <v>0.38</v>
      </c>
      <c r="I29" s="11" t="s">
        <v>11</v>
      </c>
      <c r="J29" s="11" t="s">
        <v>11</v>
      </c>
      <c r="K29" s="11" t="s">
        <v>11</v>
      </c>
      <c r="L29" s="11" t="s">
        <v>14</v>
      </c>
    </row>
    <row r="30" spans="1:12" x14ac:dyDescent="0.25">
      <c r="A30" s="11" t="s">
        <v>44</v>
      </c>
      <c r="B30" s="11" t="s">
        <v>11</v>
      </c>
      <c r="C30" s="11" t="s">
        <v>12</v>
      </c>
      <c r="D30" s="11" t="s">
        <v>46</v>
      </c>
      <c r="E30" s="11" t="s">
        <v>13</v>
      </c>
      <c r="F30" s="11" t="s">
        <v>13</v>
      </c>
      <c r="G30" s="11" t="s">
        <v>45</v>
      </c>
      <c r="H30" s="55">
        <v>0.38</v>
      </c>
      <c r="I30" s="11" t="s">
        <v>11</v>
      </c>
      <c r="J30" s="11" t="s">
        <v>11</v>
      </c>
      <c r="K30" s="11" t="s">
        <v>11</v>
      </c>
      <c r="L30" s="11" t="s">
        <v>14</v>
      </c>
    </row>
  </sheetData>
  <mergeCells count="2">
    <mergeCell ref="A4:L4"/>
    <mergeCell ref="A5:L5"/>
  </mergeCells>
  <pageMargins left="0.511811024" right="0.511811024" top="0.78740157499999996" bottom="0.78740157499999996" header="0.31496062000000002" footer="0.3149606200000000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1"/>
  <sheetViews>
    <sheetView workbookViewId="0"/>
  </sheetViews>
  <sheetFormatPr defaultRowHeight="15" x14ac:dyDescent="0.25"/>
  <cols>
    <col min="1" max="1" width="9.7109375" customWidth="1"/>
    <col min="2" max="2" width="9.42578125" bestFit="1" customWidth="1"/>
    <col min="3" max="3" width="10.42578125" bestFit="1" customWidth="1"/>
    <col min="4" max="4" width="26.5703125" customWidth="1"/>
    <col min="5" max="5" width="43.5703125" bestFit="1" customWidth="1"/>
    <col min="6" max="6" width="8.140625" bestFit="1" customWidth="1"/>
    <col min="7" max="7" width="16.5703125" bestFit="1" customWidth="1"/>
    <col min="8" max="8" width="4.28515625" bestFit="1" customWidth="1"/>
    <col min="9" max="9" width="24.85546875" bestFit="1" customWidth="1"/>
    <col min="10" max="10" width="11.85546875" bestFit="1" customWidth="1"/>
  </cols>
  <sheetData>
    <row r="1" spans="1:10" x14ac:dyDescent="0.25">
      <c r="A1" s="5" t="s">
        <v>184</v>
      </c>
      <c r="I1" s="3"/>
      <c r="J1" s="3"/>
    </row>
    <row r="2" spans="1:10" x14ac:dyDescent="0.25">
      <c r="A2" s="5" t="s">
        <v>181</v>
      </c>
      <c r="I2" s="3"/>
      <c r="J2" s="3"/>
    </row>
    <row r="3" spans="1:10" x14ac:dyDescent="0.25">
      <c r="A3" s="5" t="s">
        <v>182</v>
      </c>
      <c r="I3" s="3"/>
      <c r="J3" s="3"/>
    </row>
    <row r="4" spans="1:10" x14ac:dyDescent="0.25">
      <c r="A4" s="45" t="s">
        <v>308</v>
      </c>
      <c r="B4" s="45"/>
      <c r="C4" s="45"/>
      <c r="D4" s="45"/>
      <c r="E4" s="45"/>
      <c r="F4" s="45"/>
      <c r="G4" s="45"/>
      <c r="H4" s="45"/>
      <c r="I4" s="45"/>
      <c r="J4" s="45"/>
    </row>
    <row r="5" spans="1:10" ht="95.25" customHeight="1" x14ac:dyDescent="0.25">
      <c r="A5" s="46" t="s">
        <v>180</v>
      </c>
      <c r="B5" s="46"/>
      <c r="C5" s="46"/>
      <c r="D5" s="46"/>
      <c r="E5" s="46"/>
      <c r="F5" s="46"/>
      <c r="G5" s="46"/>
      <c r="H5" s="46"/>
      <c r="I5" s="46"/>
      <c r="J5" s="46"/>
    </row>
    <row r="6" spans="1:10" s="20" customFormat="1" ht="60" x14ac:dyDescent="0.25">
      <c r="A6" s="21" t="s">
        <v>0</v>
      </c>
      <c r="B6" s="21" t="s">
        <v>1</v>
      </c>
      <c r="C6" s="21" t="s">
        <v>2</v>
      </c>
      <c r="D6" s="21" t="s">
        <v>310</v>
      </c>
      <c r="E6" s="21" t="s">
        <v>5</v>
      </c>
      <c r="F6" s="21" t="s">
        <v>6</v>
      </c>
      <c r="G6" s="21" t="s">
        <v>7</v>
      </c>
      <c r="H6" s="21" t="s">
        <v>8</v>
      </c>
      <c r="I6" s="21" t="s">
        <v>9</v>
      </c>
      <c r="J6" s="21" t="s">
        <v>10</v>
      </c>
    </row>
    <row r="7" spans="1:10" s="1" customFormat="1" x14ac:dyDescent="0.25">
      <c r="A7" s="11" t="s">
        <v>303</v>
      </c>
      <c r="B7" s="11" t="s">
        <v>11</v>
      </c>
      <c r="C7" s="11" t="s">
        <v>12</v>
      </c>
      <c r="D7" s="11" t="s">
        <v>309</v>
      </c>
      <c r="E7" s="11" t="s">
        <v>45</v>
      </c>
      <c r="F7" s="55">
        <v>0.60030000000000006</v>
      </c>
      <c r="G7" s="11" t="s">
        <v>11</v>
      </c>
      <c r="H7" s="11" t="s">
        <v>11</v>
      </c>
      <c r="I7" s="11" t="s">
        <v>11</v>
      </c>
      <c r="J7" s="11" t="s">
        <v>14</v>
      </c>
    </row>
    <row r="8" spans="1:10" s="1" customFormat="1" x14ac:dyDescent="0.25">
      <c r="A8" s="11" t="s">
        <v>304</v>
      </c>
      <c r="B8" s="11" t="s">
        <v>11</v>
      </c>
      <c r="C8" s="11" t="s">
        <v>12</v>
      </c>
      <c r="D8" s="11" t="s">
        <v>309</v>
      </c>
      <c r="E8" s="11" t="s">
        <v>45</v>
      </c>
      <c r="F8" s="55">
        <v>1.0231000000000003</v>
      </c>
      <c r="G8" s="11" t="s">
        <v>11</v>
      </c>
      <c r="H8" s="11" t="s">
        <v>11</v>
      </c>
      <c r="I8" s="11" t="s">
        <v>11</v>
      </c>
      <c r="J8" s="11" t="s">
        <v>14</v>
      </c>
    </row>
    <row r="9" spans="1:10" s="1" customFormat="1" x14ac:dyDescent="0.25">
      <c r="A9" s="11" t="s">
        <v>305</v>
      </c>
      <c r="B9" s="11" t="s">
        <v>11</v>
      </c>
      <c r="C9" s="11" t="s">
        <v>12</v>
      </c>
      <c r="D9" s="11" t="s">
        <v>309</v>
      </c>
      <c r="E9" s="11" t="s">
        <v>45</v>
      </c>
      <c r="F9" s="55">
        <v>0.53129999999999988</v>
      </c>
      <c r="G9" s="11" t="s">
        <v>11</v>
      </c>
      <c r="H9" s="11" t="s">
        <v>11</v>
      </c>
      <c r="I9" s="11" t="s">
        <v>11</v>
      </c>
      <c r="J9" s="11" t="s">
        <v>14</v>
      </c>
    </row>
    <row r="10" spans="1:10" s="1" customFormat="1" x14ac:dyDescent="0.25">
      <c r="A10" s="11" t="s">
        <v>306</v>
      </c>
      <c r="B10" s="11" t="s">
        <v>11</v>
      </c>
      <c r="C10" s="11" t="s">
        <v>12</v>
      </c>
      <c r="D10" s="11" t="s">
        <v>309</v>
      </c>
      <c r="E10" s="11" t="s">
        <v>45</v>
      </c>
      <c r="F10" s="55">
        <v>1.0231000000000003</v>
      </c>
      <c r="G10" s="11" t="s">
        <v>11</v>
      </c>
      <c r="H10" s="11" t="s">
        <v>11</v>
      </c>
      <c r="I10" s="11" t="s">
        <v>11</v>
      </c>
      <c r="J10" s="11" t="s">
        <v>14</v>
      </c>
    </row>
    <row r="11" spans="1:10" s="1" customFormat="1" x14ac:dyDescent="0.25">
      <c r="A11" s="11" t="s">
        <v>307</v>
      </c>
      <c r="B11" s="11" t="s">
        <v>11</v>
      </c>
      <c r="C11" s="11" t="s">
        <v>12</v>
      </c>
      <c r="D11" s="11" t="s">
        <v>309</v>
      </c>
      <c r="E11" s="11" t="s">
        <v>45</v>
      </c>
      <c r="F11" s="55">
        <v>0.63670000000000004</v>
      </c>
      <c r="G11" s="11" t="s">
        <v>11</v>
      </c>
      <c r="H11" s="11" t="s">
        <v>11</v>
      </c>
      <c r="I11" s="11" t="s">
        <v>11</v>
      </c>
      <c r="J11" s="11" t="s">
        <v>14</v>
      </c>
    </row>
  </sheetData>
  <mergeCells count="2">
    <mergeCell ref="A4:J4"/>
    <mergeCell ref="A5:J5"/>
  </mergeCells>
  <pageMargins left="0.511811024" right="0.511811024" top="0.78740157499999996" bottom="0.78740157499999996" header="0.31496062000000002" footer="0.3149606200000000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89"/>
  <sheetViews>
    <sheetView workbookViewId="0"/>
  </sheetViews>
  <sheetFormatPr defaultRowHeight="15" x14ac:dyDescent="0.25"/>
  <cols>
    <col min="1" max="1" width="10.140625" customWidth="1"/>
    <col min="2" max="2" width="9.42578125" bestFit="1" customWidth="1"/>
    <col min="3" max="3" width="10.42578125" bestFit="1" customWidth="1"/>
    <col min="4" max="4" width="27.28515625" bestFit="1" customWidth="1"/>
    <col min="5" max="5" width="37.28515625" customWidth="1"/>
    <col min="6" max="6" width="43.5703125" bestFit="1" customWidth="1"/>
    <col min="7" max="7" width="7.7109375" bestFit="1" customWidth="1"/>
    <col min="8" max="8" width="16.5703125" bestFit="1" customWidth="1"/>
    <col min="9" max="9" width="4.28515625" bestFit="1" customWidth="1"/>
    <col min="10" max="10" width="24.85546875" bestFit="1" customWidth="1"/>
    <col min="11" max="11" width="11.85546875" bestFit="1" customWidth="1"/>
  </cols>
  <sheetData>
    <row r="1" spans="1:11" x14ac:dyDescent="0.25">
      <c r="A1" s="5" t="s">
        <v>184</v>
      </c>
      <c r="J1" s="3"/>
      <c r="K1" s="3"/>
    </row>
    <row r="2" spans="1:11" x14ac:dyDescent="0.25">
      <c r="A2" s="5" t="s">
        <v>181</v>
      </c>
      <c r="J2" s="3"/>
      <c r="K2" s="3"/>
    </row>
    <row r="3" spans="1:11" x14ac:dyDescent="0.25">
      <c r="A3" s="5" t="s">
        <v>182</v>
      </c>
      <c r="J3" s="3"/>
      <c r="K3" s="3"/>
    </row>
    <row r="4" spans="1:11" x14ac:dyDescent="0.25">
      <c r="A4" s="45" t="s">
        <v>311</v>
      </c>
      <c r="B4" s="45"/>
      <c r="C4" s="45"/>
      <c r="D4" s="45"/>
      <c r="E4" s="45"/>
      <c r="F4" s="45"/>
      <c r="G4" s="45"/>
      <c r="H4" s="45"/>
      <c r="I4" s="45"/>
      <c r="J4" s="45"/>
      <c r="K4" s="45"/>
    </row>
    <row r="5" spans="1:11" ht="95.25" customHeight="1" x14ac:dyDescent="0.25">
      <c r="A5" s="46" t="s">
        <v>180</v>
      </c>
      <c r="B5" s="46"/>
      <c r="C5" s="46"/>
      <c r="D5" s="46"/>
      <c r="E5" s="46"/>
      <c r="F5" s="46"/>
      <c r="G5" s="46"/>
      <c r="H5" s="46"/>
      <c r="I5" s="46"/>
      <c r="J5" s="46"/>
      <c r="K5" s="46"/>
    </row>
    <row r="6" spans="1:11" s="24" customFormat="1" ht="45" x14ac:dyDescent="0.25">
      <c r="A6" s="23" t="s">
        <v>0</v>
      </c>
      <c r="B6" s="23" t="s">
        <v>1</v>
      </c>
      <c r="C6" s="23" t="s">
        <v>2</v>
      </c>
      <c r="D6" s="23" t="s">
        <v>421</v>
      </c>
      <c r="E6" s="23" t="s">
        <v>423</v>
      </c>
      <c r="F6" s="23" t="s">
        <v>5</v>
      </c>
      <c r="G6" s="23" t="s">
        <v>6</v>
      </c>
      <c r="H6" s="23" t="s">
        <v>7</v>
      </c>
      <c r="I6" s="23" t="s">
        <v>8</v>
      </c>
      <c r="J6" s="23" t="s">
        <v>9</v>
      </c>
      <c r="K6" s="23" t="s">
        <v>10</v>
      </c>
    </row>
    <row r="7" spans="1:11" s="1" customFormat="1" x14ac:dyDescent="0.25">
      <c r="A7" s="11" t="s">
        <v>312</v>
      </c>
      <c r="B7" s="11" t="s">
        <v>11</v>
      </c>
      <c r="C7" s="11" t="s">
        <v>12</v>
      </c>
      <c r="D7" s="11" t="s">
        <v>46</v>
      </c>
      <c r="E7" s="11" t="s">
        <v>395</v>
      </c>
      <c r="F7" s="11" t="s">
        <v>45</v>
      </c>
      <c r="G7" s="16">
        <v>0.37999999999999989</v>
      </c>
      <c r="H7" s="11" t="s">
        <v>11</v>
      </c>
      <c r="I7" s="11" t="s">
        <v>11</v>
      </c>
      <c r="J7" s="11" t="s">
        <v>11</v>
      </c>
      <c r="K7" s="11" t="s">
        <v>14</v>
      </c>
    </row>
    <row r="8" spans="1:11" s="1" customFormat="1" x14ac:dyDescent="0.25">
      <c r="A8" s="11" t="s">
        <v>313</v>
      </c>
      <c r="B8" s="11" t="s">
        <v>11</v>
      </c>
      <c r="C8" s="11" t="s">
        <v>12</v>
      </c>
      <c r="D8" s="11" t="s">
        <v>46</v>
      </c>
      <c r="E8" s="11" t="s">
        <v>395</v>
      </c>
      <c r="F8" s="11" t="s">
        <v>45</v>
      </c>
      <c r="G8" s="16">
        <v>0.37999999999999989</v>
      </c>
      <c r="H8" s="11" t="s">
        <v>11</v>
      </c>
      <c r="I8" s="11" t="s">
        <v>11</v>
      </c>
      <c r="J8" s="11" t="s">
        <v>11</v>
      </c>
      <c r="K8" s="11" t="s">
        <v>14</v>
      </c>
    </row>
    <row r="9" spans="1:11" s="1" customFormat="1" x14ac:dyDescent="0.25">
      <c r="A9" s="11" t="s">
        <v>314</v>
      </c>
      <c r="B9" s="11" t="s">
        <v>11</v>
      </c>
      <c r="C9" s="11" t="s">
        <v>12</v>
      </c>
      <c r="D9" s="11" t="s">
        <v>46</v>
      </c>
      <c r="E9" s="11" t="s">
        <v>395</v>
      </c>
      <c r="F9" s="11" t="s">
        <v>45</v>
      </c>
      <c r="G9" s="16">
        <v>0.37999999999999989</v>
      </c>
      <c r="H9" s="11" t="s">
        <v>11</v>
      </c>
      <c r="I9" s="11" t="s">
        <v>11</v>
      </c>
      <c r="J9" s="11" t="s">
        <v>11</v>
      </c>
      <c r="K9" s="11" t="s">
        <v>14</v>
      </c>
    </row>
    <row r="10" spans="1:11" s="1" customFormat="1" x14ac:dyDescent="0.25">
      <c r="A10" s="11" t="s">
        <v>315</v>
      </c>
      <c r="B10" s="11" t="s">
        <v>11</v>
      </c>
      <c r="C10" s="11" t="s">
        <v>12</v>
      </c>
      <c r="D10" s="11" t="s">
        <v>46</v>
      </c>
      <c r="E10" s="11" t="s">
        <v>395</v>
      </c>
      <c r="F10" s="11" t="s">
        <v>45</v>
      </c>
      <c r="G10" s="16">
        <v>0.37999999999999989</v>
      </c>
      <c r="H10" s="11" t="s">
        <v>11</v>
      </c>
      <c r="I10" s="11" t="s">
        <v>11</v>
      </c>
      <c r="J10" s="11" t="s">
        <v>11</v>
      </c>
      <c r="K10" s="11" t="s">
        <v>14</v>
      </c>
    </row>
    <row r="11" spans="1:11" s="1" customFormat="1" x14ac:dyDescent="0.25">
      <c r="A11" s="11" t="s">
        <v>316</v>
      </c>
      <c r="B11" s="11" t="s">
        <v>11</v>
      </c>
      <c r="C11" s="11" t="s">
        <v>12</v>
      </c>
      <c r="D11" s="11" t="s">
        <v>46</v>
      </c>
      <c r="E11" s="11" t="s">
        <v>395</v>
      </c>
      <c r="F11" s="11" t="s">
        <v>45</v>
      </c>
      <c r="G11" s="16">
        <v>0.37999999999999989</v>
      </c>
      <c r="H11" s="11" t="s">
        <v>11</v>
      </c>
      <c r="I11" s="11" t="s">
        <v>11</v>
      </c>
      <c r="J11" s="11" t="s">
        <v>11</v>
      </c>
      <c r="K11" s="11" t="s">
        <v>14</v>
      </c>
    </row>
    <row r="12" spans="1:11" s="1" customFormat="1" x14ac:dyDescent="0.25">
      <c r="A12" s="11" t="s">
        <v>317</v>
      </c>
      <c r="B12" s="11" t="s">
        <v>11</v>
      </c>
      <c r="C12" s="11" t="s">
        <v>12</v>
      </c>
      <c r="D12" s="11" t="s">
        <v>46</v>
      </c>
      <c r="E12" s="11" t="s">
        <v>395</v>
      </c>
      <c r="F12" s="11" t="s">
        <v>45</v>
      </c>
      <c r="G12" s="16">
        <v>0.37999999999999989</v>
      </c>
      <c r="H12" s="11" t="s">
        <v>11</v>
      </c>
      <c r="I12" s="11" t="s">
        <v>11</v>
      </c>
      <c r="J12" s="11" t="s">
        <v>11</v>
      </c>
      <c r="K12" s="11" t="s">
        <v>14</v>
      </c>
    </row>
    <row r="13" spans="1:11" s="1" customFormat="1" x14ac:dyDescent="0.25">
      <c r="A13" s="11" t="s">
        <v>318</v>
      </c>
      <c r="B13" s="11" t="s">
        <v>11</v>
      </c>
      <c r="C13" s="11" t="s">
        <v>12</v>
      </c>
      <c r="D13" s="11" t="s">
        <v>46</v>
      </c>
      <c r="E13" s="11" t="s">
        <v>395</v>
      </c>
      <c r="F13" s="11" t="s">
        <v>45</v>
      </c>
      <c r="G13" s="16">
        <v>0.37999999999999989</v>
      </c>
      <c r="H13" s="11" t="s">
        <v>11</v>
      </c>
      <c r="I13" s="11" t="s">
        <v>11</v>
      </c>
      <c r="J13" s="11" t="s">
        <v>11</v>
      </c>
      <c r="K13" s="11" t="s">
        <v>14</v>
      </c>
    </row>
    <row r="14" spans="1:11" s="1" customFormat="1" x14ac:dyDescent="0.25">
      <c r="A14" s="11" t="s">
        <v>319</v>
      </c>
      <c r="B14" s="11" t="s">
        <v>11</v>
      </c>
      <c r="C14" s="11" t="s">
        <v>12</v>
      </c>
      <c r="D14" s="11" t="s">
        <v>46</v>
      </c>
      <c r="E14" s="11" t="s">
        <v>395</v>
      </c>
      <c r="F14" s="11" t="s">
        <v>45</v>
      </c>
      <c r="G14" s="16">
        <v>0.37999999999999989</v>
      </c>
      <c r="H14" s="11" t="s">
        <v>11</v>
      </c>
      <c r="I14" s="11" t="s">
        <v>11</v>
      </c>
      <c r="J14" s="11" t="s">
        <v>11</v>
      </c>
      <c r="K14" s="11" t="s">
        <v>14</v>
      </c>
    </row>
    <row r="15" spans="1:11" s="1" customFormat="1" x14ac:dyDescent="0.25">
      <c r="A15" s="11" t="s">
        <v>320</v>
      </c>
      <c r="B15" s="11" t="s">
        <v>11</v>
      </c>
      <c r="C15" s="11" t="s">
        <v>12</v>
      </c>
      <c r="D15" s="11" t="s">
        <v>46</v>
      </c>
      <c r="E15" s="11" t="s">
        <v>395</v>
      </c>
      <c r="F15" s="11" t="s">
        <v>45</v>
      </c>
      <c r="G15" s="16">
        <v>0.37999999999999989</v>
      </c>
      <c r="H15" s="11" t="s">
        <v>11</v>
      </c>
      <c r="I15" s="11" t="s">
        <v>11</v>
      </c>
      <c r="J15" s="11" t="s">
        <v>11</v>
      </c>
      <c r="K15" s="11" t="s">
        <v>14</v>
      </c>
    </row>
    <row r="16" spans="1:11" s="1" customFormat="1" x14ac:dyDescent="0.25">
      <c r="A16" s="11" t="s">
        <v>321</v>
      </c>
      <c r="B16" s="11" t="s">
        <v>11</v>
      </c>
      <c r="C16" s="11" t="s">
        <v>12</v>
      </c>
      <c r="D16" s="11" t="s">
        <v>46</v>
      </c>
      <c r="E16" s="11" t="s">
        <v>395</v>
      </c>
      <c r="F16" s="11" t="s">
        <v>45</v>
      </c>
      <c r="G16" s="16">
        <v>0.37999999999999989</v>
      </c>
      <c r="H16" s="11" t="s">
        <v>11</v>
      </c>
      <c r="I16" s="11" t="s">
        <v>11</v>
      </c>
      <c r="J16" s="11" t="s">
        <v>11</v>
      </c>
      <c r="K16" s="11" t="s">
        <v>14</v>
      </c>
    </row>
    <row r="17" spans="1:11" s="1" customFormat="1" x14ac:dyDescent="0.25">
      <c r="A17" s="11" t="s">
        <v>322</v>
      </c>
      <c r="B17" s="11" t="s">
        <v>11</v>
      </c>
      <c r="C17" s="11" t="s">
        <v>12</v>
      </c>
      <c r="D17" s="11" t="s">
        <v>46</v>
      </c>
      <c r="E17" s="11" t="s">
        <v>395</v>
      </c>
      <c r="F17" s="11" t="s">
        <v>45</v>
      </c>
      <c r="G17" s="16">
        <v>0.37999999999999989</v>
      </c>
      <c r="H17" s="11" t="s">
        <v>11</v>
      </c>
      <c r="I17" s="11" t="s">
        <v>11</v>
      </c>
      <c r="J17" s="11" t="s">
        <v>11</v>
      </c>
      <c r="K17" s="11" t="s">
        <v>14</v>
      </c>
    </row>
    <row r="18" spans="1:11" s="1" customFormat="1" x14ac:dyDescent="0.25">
      <c r="A18" s="11" t="s">
        <v>323</v>
      </c>
      <c r="B18" s="11" t="s">
        <v>11</v>
      </c>
      <c r="C18" s="11" t="s">
        <v>12</v>
      </c>
      <c r="D18" s="11" t="s">
        <v>46</v>
      </c>
      <c r="E18" s="11" t="s">
        <v>395</v>
      </c>
      <c r="F18" s="11" t="s">
        <v>45</v>
      </c>
      <c r="G18" s="16">
        <v>0.37999999999999989</v>
      </c>
      <c r="H18" s="11" t="s">
        <v>11</v>
      </c>
      <c r="I18" s="11" t="s">
        <v>11</v>
      </c>
      <c r="J18" s="11" t="s">
        <v>11</v>
      </c>
      <c r="K18" s="11" t="s">
        <v>14</v>
      </c>
    </row>
    <row r="19" spans="1:11" s="1" customFormat="1" x14ac:dyDescent="0.25">
      <c r="A19" s="11" t="s">
        <v>324</v>
      </c>
      <c r="B19" s="11" t="s">
        <v>11</v>
      </c>
      <c r="C19" s="11" t="s">
        <v>12</v>
      </c>
      <c r="D19" s="11" t="s">
        <v>46</v>
      </c>
      <c r="E19" s="11" t="s">
        <v>395</v>
      </c>
      <c r="F19" s="11" t="s">
        <v>45</v>
      </c>
      <c r="G19" s="16">
        <v>0.37999999999999989</v>
      </c>
      <c r="H19" s="11" t="s">
        <v>11</v>
      </c>
      <c r="I19" s="11" t="s">
        <v>11</v>
      </c>
      <c r="J19" s="11" t="s">
        <v>11</v>
      </c>
      <c r="K19" s="11" t="s">
        <v>14</v>
      </c>
    </row>
    <row r="20" spans="1:11" s="1" customFormat="1" x14ac:dyDescent="0.25">
      <c r="A20" s="11" t="s">
        <v>325</v>
      </c>
      <c r="B20" s="11" t="s">
        <v>11</v>
      </c>
      <c r="C20" s="11" t="s">
        <v>12</v>
      </c>
      <c r="D20" s="11" t="s">
        <v>46</v>
      </c>
      <c r="E20" s="11" t="s">
        <v>395</v>
      </c>
      <c r="F20" s="11" t="s">
        <v>45</v>
      </c>
      <c r="G20" s="16">
        <v>0.37999999999999989</v>
      </c>
      <c r="H20" s="11" t="s">
        <v>11</v>
      </c>
      <c r="I20" s="11" t="s">
        <v>11</v>
      </c>
      <c r="J20" s="11" t="s">
        <v>11</v>
      </c>
      <c r="K20" s="11" t="s">
        <v>14</v>
      </c>
    </row>
    <row r="21" spans="1:11" s="1" customFormat="1" x14ac:dyDescent="0.25">
      <c r="A21" s="11" t="s">
        <v>326</v>
      </c>
      <c r="B21" s="11" t="s">
        <v>11</v>
      </c>
      <c r="C21" s="11" t="s">
        <v>12</v>
      </c>
      <c r="D21" s="11" t="s">
        <v>46</v>
      </c>
      <c r="E21" s="11" t="s">
        <v>395</v>
      </c>
      <c r="F21" s="11" t="s">
        <v>45</v>
      </c>
      <c r="G21" s="16">
        <v>0.37999999999999989</v>
      </c>
      <c r="H21" s="11" t="s">
        <v>11</v>
      </c>
      <c r="I21" s="11" t="s">
        <v>11</v>
      </c>
      <c r="J21" s="11" t="s">
        <v>11</v>
      </c>
      <c r="K21" s="11" t="s">
        <v>14</v>
      </c>
    </row>
    <row r="22" spans="1:11" s="1" customFormat="1" x14ac:dyDescent="0.25">
      <c r="A22" s="11" t="s">
        <v>327</v>
      </c>
      <c r="B22" s="11" t="s">
        <v>11</v>
      </c>
      <c r="C22" s="11" t="s">
        <v>12</v>
      </c>
      <c r="D22" s="11" t="s">
        <v>46</v>
      </c>
      <c r="E22" s="11" t="s">
        <v>395</v>
      </c>
      <c r="F22" s="11" t="s">
        <v>45</v>
      </c>
      <c r="G22" s="16">
        <v>0.37999999999999989</v>
      </c>
      <c r="H22" s="11" t="s">
        <v>11</v>
      </c>
      <c r="I22" s="11" t="s">
        <v>11</v>
      </c>
      <c r="J22" s="11" t="s">
        <v>11</v>
      </c>
      <c r="K22" s="11" t="s">
        <v>14</v>
      </c>
    </row>
    <row r="23" spans="1:11" s="1" customFormat="1" x14ac:dyDescent="0.25">
      <c r="A23" s="11" t="s">
        <v>328</v>
      </c>
      <c r="B23" s="11" t="s">
        <v>11</v>
      </c>
      <c r="C23" s="11" t="s">
        <v>12</v>
      </c>
      <c r="D23" s="11" t="s">
        <v>46</v>
      </c>
      <c r="E23" s="11" t="s">
        <v>395</v>
      </c>
      <c r="F23" s="11" t="s">
        <v>45</v>
      </c>
      <c r="G23" s="16">
        <v>0.37999999999999989</v>
      </c>
      <c r="H23" s="11" t="s">
        <v>11</v>
      </c>
      <c r="I23" s="11" t="s">
        <v>11</v>
      </c>
      <c r="J23" s="11" t="s">
        <v>11</v>
      </c>
      <c r="K23" s="11" t="s">
        <v>14</v>
      </c>
    </row>
    <row r="24" spans="1:11" s="1" customFormat="1" x14ac:dyDescent="0.25">
      <c r="A24" s="11" t="s">
        <v>329</v>
      </c>
      <c r="B24" s="11" t="s">
        <v>11</v>
      </c>
      <c r="C24" s="11" t="s">
        <v>12</v>
      </c>
      <c r="D24" s="11" t="s">
        <v>46</v>
      </c>
      <c r="E24" s="11" t="s">
        <v>395</v>
      </c>
      <c r="F24" s="11" t="s">
        <v>45</v>
      </c>
      <c r="G24" s="16">
        <v>0.37999999999999989</v>
      </c>
      <c r="H24" s="11" t="s">
        <v>11</v>
      </c>
      <c r="I24" s="11" t="s">
        <v>11</v>
      </c>
      <c r="J24" s="11" t="s">
        <v>11</v>
      </c>
      <c r="K24" s="11" t="s">
        <v>14</v>
      </c>
    </row>
    <row r="25" spans="1:11" s="1" customFormat="1" x14ac:dyDescent="0.25">
      <c r="A25" s="11" t="s">
        <v>330</v>
      </c>
      <c r="B25" s="11" t="s">
        <v>11</v>
      </c>
      <c r="C25" s="11" t="s">
        <v>12</v>
      </c>
      <c r="D25" s="11" t="s">
        <v>46</v>
      </c>
      <c r="E25" s="11" t="s">
        <v>395</v>
      </c>
      <c r="F25" s="11" t="s">
        <v>45</v>
      </c>
      <c r="G25" s="16">
        <v>0.37999999999999989</v>
      </c>
      <c r="H25" s="11" t="s">
        <v>11</v>
      </c>
      <c r="I25" s="11" t="s">
        <v>11</v>
      </c>
      <c r="J25" s="11" t="s">
        <v>11</v>
      </c>
      <c r="K25" s="11" t="s">
        <v>14</v>
      </c>
    </row>
    <row r="26" spans="1:11" s="1" customFormat="1" x14ac:dyDescent="0.25">
      <c r="A26" s="11" t="s">
        <v>331</v>
      </c>
      <c r="B26" s="11" t="s">
        <v>11</v>
      </c>
      <c r="C26" s="11" t="s">
        <v>12</v>
      </c>
      <c r="D26" s="11" t="s">
        <v>46</v>
      </c>
      <c r="E26" s="11" t="s">
        <v>395</v>
      </c>
      <c r="F26" s="11" t="s">
        <v>45</v>
      </c>
      <c r="G26" s="16">
        <v>0.37999999999999989</v>
      </c>
      <c r="H26" s="11" t="s">
        <v>11</v>
      </c>
      <c r="I26" s="11" t="s">
        <v>11</v>
      </c>
      <c r="J26" s="11" t="s">
        <v>11</v>
      </c>
      <c r="K26" s="11" t="s">
        <v>14</v>
      </c>
    </row>
    <row r="27" spans="1:11" s="1" customFormat="1" x14ac:dyDescent="0.25">
      <c r="A27" s="11" t="s">
        <v>332</v>
      </c>
      <c r="B27" s="11" t="s">
        <v>11</v>
      </c>
      <c r="C27" s="11" t="s">
        <v>12</v>
      </c>
      <c r="D27" s="11" t="s">
        <v>46</v>
      </c>
      <c r="E27" s="11" t="s">
        <v>395</v>
      </c>
      <c r="F27" s="11" t="s">
        <v>45</v>
      </c>
      <c r="G27" s="16">
        <v>0.37999999999999989</v>
      </c>
      <c r="H27" s="11" t="s">
        <v>11</v>
      </c>
      <c r="I27" s="11" t="s">
        <v>11</v>
      </c>
      <c r="J27" s="11" t="s">
        <v>11</v>
      </c>
      <c r="K27" s="11" t="s">
        <v>14</v>
      </c>
    </row>
    <row r="28" spans="1:11" s="1" customFormat="1" x14ac:dyDescent="0.25">
      <c r="A28" s="11" t="s">
        <v>333</v>
      </c>
      <c r="B28" s="11" t="s">
        <v>11</v>
      </c>
      <c r="C28" s="11" t="s">
        <v>12</v>
      </c>
      <c r="D28" s="11" t="s">
        <v>46</v>
      </c>
      <c r="E28" s="11" t="s">
        <v>395</v>
      </c>
      <c r="F28" s="11" t="s">
        <v>45</v>
      </c>
      <c r="G28" s="16">
        <v>0.37999999999999989</v>
      </c>
      <c r="H28" s="11" t="s">
        <v>11</v>
      </c>
      <c r="I28" s="11" t="s">
        <v>11</v>
      </c>
      <c r="J28" s="11" t="s">
        <v>11</v>
      </c>
      <c r="K28" s="11" t="s">
        <v>14</v>
      </c>
    </row>
    <row r="29" spans="1:11" s="1" customFormat="1" x14ac:dyDescent="0.25">
      <c r="A29" s="11" t="s">
        <v>334</v>
      </c>
      <c r="B29" s="11" t="s">
        <v>11</v>
      </c>
      <c r="C29" s="11" t="s">
        <v>12</v>
      </c>
      <c r="D29" s="11" t="s">
        <v>46</v>
      </c>
      <c r="E29" s="11" t="s">
        <v>395</v>
      </c>
      <c r="F29" s="11" t="s">
        <v>45</v>
      </c>
      <c r="G29" s="16">
        <v>0.37999999999999989</v>
      </c>
      <c r="H29" s="11" t="s">
        <v>11</v>
      </c>
      <c r="I29" s="11" t="s">
        <v>11</v>
      </c>
      <c r="J29" s="11" t="s">
        <v>11</v>
      </c>
      <c r="K29" s="11" t="s">
        <v>14</v>
      </c>
    </row>
    <row r="30" spans="1:11" s="1" customFormat="1" x14ac:dyDescent="0.25">
      <c r="A30" s="11" t="s">
        <v>335</v>
      </c>
      <c r="B30" s="11" t="s">
        <v>11</v>
      </c>
      <c r="C30" s="11" t="s">
        <v>12</v>
      </c>
      <c r="D30" s="11" t="s">
        <v>46</v>
      </c>
      <c r="E30" s="11" t="s">
        <v>395</v>
      </c>
      <c r="F30" s="11" t="s">
        <v>45</v>
      </c>
      <c r="G30" s="16">
        <v>0.37999999999999989</v>
      </c>
      <c r="H30" s="11" t="s">
        <v>11</v>
      </c>
      <c r="I30" s="11" t="s">
        <v>11</v>
      </c>
      <c r="J30" s="11" t="s">
        <v>11</v>
      </c>
      <c r="K30" s="11" t="s">
        <v>14</v>
      </c>
    </row>
    <row r="31" spans="1:11" s="1" customFormat="1" x14ac:dyDescent="0.25">
      <c r="A31" s="11" t="s">
        <v>336</v>
      </c>
      <c r="B31" s="11" t="s">
        <v>11</v>
      </c>
      <c r="C31" s="11" t="s">
        <v>12</v>
      </c>
      <c r="D31" s="11" t="s">
        <v>46</v>
      </c>
      <c r="E31" s="11" t="s">
        <v>395</v>
      </c>
      <c r="F31" s="11" t="s">
        <v>45</v>
      </c>
      <c r="G31" s="16">
        <v>0.37999999999999989</v>
      </c>
      <c r="H31" s="11" t="s">
        <v>11</v>
      </c>
      <c r="I31" s="11" t="s">
        <v>11</v>
      </c>
      <c r="J31" s="11" t="s">
        <v>11</v>
      </c>
      <c r="K31" s="11" t="s">
        <v>14</v>
      </c>
    </row>
    <row r="32" spans="1:11" s="1" customFormat="1" x14ac:dyDescent="0.25">
      <c r="A32" s="11" t="s">
        <v>337</v>
      </c>
      <c r="B32" s="11" t="s">
        <v>11</v>
      </c>
      <c r="C32" s="11" t="s">
        <v>12</v>
      </c>
      <c r="D32" s="11" t="s">
        <v>46</v>
      </c>
      <c r="E32" s="11" t="s">
        <v>395</v>
      </c>
      <c r="F32" s="11" t="s">
        <v>45</v>
      </c>
      <c r="G32" s="16">
        <v>0.37999999999999989</v>
      </c>
      <c r="H32" s="11" t="s">
        <v>11</v>
      </c>
      <c r="I32" s="11" t="s">
        <v>11</v>
      </c>
      <c r="J32" s="11" t="s">
        <v>11</v>
      </c>
      <c r="K32" s="11" t="s">
        <v>14</v>
      </c>
    </row>
    <row r="33" spans="1:11" s="1" customFormat="1" x14ac:dyDescent="0.25">
      <c r="A33" s="11" t="s">
        <v>338</v>
      </c>
      <c r="B33" s="11" t="s">
        <v>11</v>
      </c>
      <c r="C33" s="11" t="s">
        <v>12</v>
      </c>
      <c r="D33" s="11" t="s">
        <v>46</v>
      </c>
      <c r="E33" s="11" t="s">
        <v>395</v>
      </c>
      <c r="F33" s="11" t="s">
        <v>45</v>
      </c>
      <c r="G33" s="16">
        <v>0.37999999999999989</v>
      </c>
      <c r="H33" s="11" t="s">
        <v>11</v>
      </c>
      <c r="I33" s="11" t="s">
        <v>11</v>
      </c>
      <c r="J33" s="11" t="s">
        <v>11</v>
      </c>
      <c r="K33" s="11" t="s">
        <v>14</v>
      </c>
    </row>
    <row r="34" spans="1:11" s="1" customFormat="1" x14ac:dyDescent="0.25">
      <c r="A34" s="11" t="s">
        <v>339</v>
      </c>
      <c r="B34" s="11" t="s">
        <v>11</v>
      </c>
      <c r="C34" s="11" t="s">
        <v>12</v>
      </c>
      <c r="D34" s="11" t="s">
        <v>46</v>
      </c>
      <c r="E34" s="11" t="s">
        <v>395</v>
      </c>
      <c r="F34" s="11" t="s">
        <v>45</v>
      </c>
      <c r="G34" s="16">
        <v>0.37999999999999989</v>
      </c>
      <c r="H34" s="11" t="s">
        <v>11</v>
      </c>
      <c r="I34" s="11" t="s">
        <v>11</v>
      </c>
      <c r="J34" s="11" t="s">
        <v>11</v>
      </c>
      <c r="K34" s="11" t="s">
        <v>14</v>
      </c>
    </row>
    <row r="35" spans="1:11" s="1" customFormat="1" x14ac:dyDescent="0.25">
      <c r="A35" s="11" t="s">
        <v>340</v>
      </c>
      <c r="B35" s="11" t="s">
        <v>11</v>
      </c>
      <c r="C35" s="11" t="s">
        <v>12</v>
      </c>
      <c r="D35" s="11" t="s">
        <v>46</v>
      </c>
      <c r="E35" s="11" t="s">
        <v>395</v>
      </c>
      <c r="F35" s="11" t="s">
        <v>45</v>
      </c>
      <c r="G35" s="16">
        <v>0.37999999999999989</v>
      </c>
      <c r="H35" s="11" t="s">
        <v>11</v>
      </c>
      <c r="I35" s="11" t="s">
        <v>11</v>
      </c>
      <c r="J35" s="11" t="s">
        <v>11</v>
      </c>
      <c r="K35" s="11" t="s">
        <v>14</v>
      </c>
    </row>
    <row r="36" spans="1:11" s="1" customFormat="1" x14ac:dyDescent="0.25">
      <c r="A36" s="11" t="s">
        <v>341</v>
      </c>
      <c r="B36" s="11" t="s">
        <v>11</v>
      </c>
      <c r="C36" s="11" t="s">
        <v>12</v>
      </c>
      <c r="D36" s="11" t="s">
        <v>46</v>
      </c>
      <c r="E36" s="11" t="s">
        <v>395</v>
      </c>
      <c r="F36" s="11" t="s">
        <v>45</v>
      </c>
      <c r="G36" s="16">
        <v>0.37999999999999989</v>
      </c>
      <c r="H36" s="11" t="s">
        <v>11</v>
      </c>
      <c r="I36" s="11" t="s">
        <v>11</v>
      </c>
      <c r="J36" s="11" t="s">
        <v>11</v>
      </c>
      <c r="K36" s="11" t="s">
        <v>14</v>
      </c>
    </row>
    <row r="37" spans="1:11" s="1" customFormat="1" x14ac:dyDescent="0.25">
      <c r="A37" s="11" t="s">
        <v>342</v>
      </c>
      <c r="B37" s="11" t="s">
        <v>11</v>
      </c>
      <c r="C37" s="11" t="s">
        <v>12</v>
      </c>
      <c r="D37" s="11" t="s">
        <v>46</v>
      </c>
      <c r="E37" s="11" t="s">
        <v>395</v>
      </c>
      <c r="F37" s="11" t="s">
        <v>45</v>
      </c>
      <c r="G37" s="16">
        <v>0.37999999999999989</v>
      </c>
      <c r="H37" s="11" t="s">
        <v>11</v>
      </c>
      <c r="I37" s="11" t="s">
        <v>11</v>
      </c>
      <c r="J37" s="11" t="s">
        <v>11</v>
      </c>
      <c r="K37" s="11" t="s">
        <v>14</v>
      </c>
    </row>
    <row r="38" spans="1:11" s="1" customFormat="1" x14ac:dyDescent="0.25">
      <c r="A38" s="11" t="s">
        <v>343</v>
      </c>
      <c r="B38" s="11" t="s">
        <v>11</v>
      </c>
      <c r="C38" s="11" t="s">
        <v>12</v>
      </c>
      <c r="D38" s="11" t="s">
        <v>46</v>
      </c>
      <c r="E38" s="11" t="s">
        <v>395</v>
      </c>
      <c r="F38" s="11" t="s">
        <v>45</v>
      </c>
      <c r="G38" s="16">
        <v>0.37999999999999989</v>
      </c>
      <c r="H38" s="11" t="s">
        <v>11</v>
      </c>
      <c r="I38" s="11" t="s">
        <v>11</v>
      </c>
      <c r="J38" s="11" t="s">
        <v>11</v>
      </c>
      <c r="K38" s="11" t="s">
        <v>14</v>
      </c>
    </row>
    <row r="39" spans="1:11" s="1" customFormat="1" x14ac:dyDescent="0.25">
      <c r="A39" s="11" t="s">
        <v>344</v>
      </c>
      <c r="B39" s="11" t="s">
        <v>11</v>
      </c>
      <c r="C39" s="11" t="s">
        <v>12</v>
      </c>
      <c r="D39" s="11" t="s">
        <v>46</v>
      </c>
      <c r="E39" s="11" t="s">
        <v>395</v>
      </c>
      <c r="F39" s="11" t="s">
        <v>45</v>
      </c>
      <c r="G39" s="16">
        <v>0.37999999999999989</v>
      </c>
      <c r="H39" s="11" t="s">
        <v>11</v>
      </c>
      <c r="I39" s="11" t="s">
        <v>11</v>
      </c>
      <c r="J39" s="11" t="s">
        <v>11</v>
      </c>
      <c r="K39" s="11" t="s">
        <v>14</v>
      </c>
    </row>
    <row r="40" spans="1:11" s="1" customFormat="1" x14ac:dyDescent="0.25">
      <c r="A40" s="11" t="s">
        <v>345</v>
      </c>
      <c r="B40" s="11" t="s">
        <v>11</v>
      </c>
      <c r="C40" s="11" t="s">
        <v>12</v>
      </c>
      <c r="D40" s="11" t="s">
        <v>46</v>
      </c>
      <c r="E40" s="11" t="s">
        <v>395</v>
      </c>
      <c r="F40" s="11" t="s">
        <v>45</v>
      </c>
      <c r="G40" s="16">
        <v>0.5</v>
      </c>
      <c r="H40" s="11" t="s">
        <v>11</v>
      </c>
      <c r="I40" s="11" t="s">
        <v>11</v>
      </c>
      <c r="J40" s="11" t="s">
        <v>11</v>
      </c>
      <c r="K40" s="11" t="s">
        <v>14</v>
      </c>
    </row>
    <row r="41" spans="1:11" s="1" customFormat="1" x14ac:dyDescent="0.25">
      <c r="A41" s="11" t="s">
        <v>346</v>
      </c>
      <c r="B41" s="11" t="s">
        <v>11</v>
      </c>
      <c r="C41" s="11" t="s">
        <v>12</v>
      </c>
      <c r="D41" s="11" t="s">
        <v>46</v>
      </c>
      <c r="E41" s="11" t="s">
        <v>395</v>
      </c>
      <c r="F41" s="11" t="s">
        <v>45</v>
      </c>
      <c r="G41" s="16">
        <v>0.5</v>
      </c>
      <c r="H41" s="11" t="s">
        <v>11</v>
      </c>
      <c r="I41" s="11" t="s">
        <v>11</v>
      </c>
      <c r="J41" s="11" t="s">
        <v>11</v>
      </c>
      <c r="K41" s="11" t="s">
        <v>14</v>
      </c>
    </row>
    <row r="42" spans="1:11" s="1" customFormat="1" x14ac:dyDescent="0.25">
      <c r="A42" s="11" t="s">
        <v>347</v>
      </c>
      <c r="B42" s="11" t="s">
        <v>11</v>
      </c>
      <c r="C42" s="11" t="s">
        <v>12</v>
      </c>
      <c r="D42" s="11" t="s">
        <v>46</v>
      </c>
      <c r="E42" s="11" t="s">
        <v>395</v>
      </c>
      <c r="F42" s="11" t="s">
        <v>45</v>
      </c>
      <c r="G42" s="16">
        <v>0.5</v>
      </c>
      <c r="H42" s="11" t="s">
        <v>11</v>
      </c>
      <c r="I42" s="11" t="s">
        <v>11</v>
      </c>
      <c r="J42" s="11" t="s">
        <v>11</v>
      </c>
      <c r="K42" s="11" t="s">
        <v>14</v>
      </c>
    </row>
    <row r="43" spans="1:11" s="1" customFormat="1" x14ac:dyDescent="0.25">
      <c r="A43" s="11" t="s">
        <v>348</v>
      </c>
      <c r="B43" s="11" t="s">
        <v>11</v>
      </c>
      <c r="C43" s="11" t="s">
        <v>12</v>
      </c>
      <c r="D43" s="11" t="s">
        <v>46</v>
      </c>
      <c r="E43" s="11" t="s">
        <v>395</v>
      </c>
      <c r="F43" s="11" t="s">
        <v>45</v>
      </c>
      <c r="G43" s="16">
        <v>0.5</v>
      </c>
      <c r="H43" s="11" t="s">
        <v>11</v>
      </c>
      <c r="I43" s="11" t="s">
        <v>11</v>
      </c>
      <c r="J43" s="11" t="s">
        <v>11</v>
      </c>
      <c r="K43" s="11" t="s">
        <v>14</v>
      </c>
    </row>
    <row r="44" spans="1:11" s="1" customFormat="1" x14ac:dyDescent="0.25">
      <c r="A44" s="11" t="s">
        <v>349</v>
      </c>
      <c r="B44" s="11" t="s">
        <v>11</v>
      </c>
      <c r="C44" s="11" t="s">
        <v>12</v>
      </c>
      <c r="D44" s="11" t="s">
        <v>46</v>
      </c>
      <c r="E44" s="11" t="s">
        <v>395</v>
      </c>
      <c r="F44" s="11" t="s">
        <v>45</v>
      </c>
      <c r="G44" s="16">
        <v>0.5</v>
      </c>
      <c r="H44" s="11" t="s">
        <v>11</v>
      </c>
      <c r="I44" s="11" t="s">
        <v>11</v>
      </c>
      <c r="J44" s="11" t="s">
        <v>11</v>
      </c>
      <c r="K44" s="11" t="s">
        <v>14</v>
      </c>
    </row>
    <row r="45" spans="1:11" s="1" customFormat="1" x14ac:dyDescent="0.25">
      <c r="A45" s="11" t="s">
        <v>350</v>
      </c>
      <c r="B45" s="11" t="s">
        <v>11</v>
      </c>
      <c r="C45" s="11" t="s">
        <v>12</v>
      </c>
      <c r="D45" s="11" t="s">
        <v>46</v>
      </c>
      <c r="E45" s="11" t="s">
        <v>395</v>
      </c>
      <c r="F45" s="11" t="s">
        <v>45</v>
      </c>
      <c r="G45" s="16">
        <v>0.5</v>
      </c>
      <c r="H45" s="11" t="s">
        <v>11</v>
      </c>
      <c r="I45" s="11" t="s">
        <v>11</v>
      </c>
      <c r="J45" s="11" t="s">
        <v>11</v>
      </c>
      <c r="K45" s="11" t="s">
        <v>14</v>
      </c>
    </row>
    <row r="46" spans="1:11" s="1" customFormat="1" x14ac:dyDescent="0.25">
      <c r="A46" s="11" t="s">
        <v>351</v>
      </c>
      <c r="B46" s="11" t="s">
        <v>11</v>
      </c>
      <c r="C46" s="11" t="s">
        <v>12</v>
      </c>
      <c r="D46" s="11" t="s">
        <v>46</v>
      </c>
      <c r="E46" s="11" t="s">
        <v>395</v>
      </c>
      <c r="F46" s="11" t="s">
        <v>45</v>
      </c>
      <c r="G46" s="16">
        <v>0.37999999999999989</v>
      </c>
      <c r="H46" s="11" t="s">
        <v>11</v>
      </c>
      <c r="I46" s="11" t="s">
        <v>11</v>
      </c>
      <c r="J46" s="11" t="s">
        <v>11</v>
      </c>
      <c r="K46" s="11" t="s">
        <v>14</v>
      </c>
    </row>
    <row r="47" spans="1:11" s="1" customFormat="1" x14ac:dyDescent="0.25">
      <c r="A47" s="11" t="s">
        <v>352</v>
      </c>
      <c r="B47" s="11" t="s">
        <v>11</v>
      </c>
      <c r="C47" s="11" t="s">
        <v>12</v>
      </c>
      <c r="D47" s="11" t="s">
        <v>46</v>
      </c>
      <c r="E47" s="11" t="s">
        <v>395</v>
      </c>
      <c r="F47" s="11" t="s">
        <v>45</v>
      </c>
      <c r="G47" s="16">
        <v>0.37999999999999989</v>
      </c>
      <c r="H47" s="11" t="s">
        <v>11</v>
      </c>
      <c r="I47" s="11" t="s">
        <v>11</v>
      </c>
      <c r="J47" s="11" t="s">
        <v>11</v>
      </c>
      <c r="K47" s="11" t="s">
        <v>14</v>
      </c>
    </row>
    <row r="48" spans="1:11" s="1" customFormat="1" x14ac:dyDescent="0.25">
      <c r="A48" s="11" t="s">
        <v>353</v>
      </c>
      <c r="B48" s="11" t="s">
        <v>11</v>
      </c>
      <c r="C48" s="11" t="s">
        <v>12</v>
      </c>
      <c r="D48" s="11" t="s">
        <v>46</v>
      </c>
      <c r="E48" s="11" t="s">
        <v>395</v>
      </c>
      <c r="F48" s="11" t="s">
        <v>45</v>
      </c>
      <c r="G48" s="16">
        <v>0.37999999999999989</v>
      </c>
      <c r="H48" s="11" t="s">
        <v>11</v>
      </c>
      <c r="I48" s="11" t="s">
        <v>11</v>
      </c>
      <c r="J48" s="11" t="s">
        <v>11</v>
      </c>
      <c r="K48" s="11" t="s">
        <v>14</v>
      </c>
    </row>
    <row r="49" spans="1:11" s="1" customFormat="1" x14ac:dyDescent="0.25">
      <c r="A49" s="11" t="s">
        <v>354</v>
      </c>
      <c r="B49" s="11" t="s">
        <v>11</v>
      </c>
      <c r="C49" s="11" t="s">
        <v>12</v>
      </c>
      <c r="D49" s="11" t="s">
        <v>46</v>
      </c>
      <c r="E49" s="11" t="s">
        <v>395</v>
      </c>
      <c r="F49" s="11" t="s">
        <v>45</v>
      </c>
      <c r="G49" s="16">
        <v>0.37999999999999989</v>
      </c>
      <c r="H49" s="11" t="s">
        <v>11</v>
      </c>
      <c r="I49" s="11" t="s">
        <v>11</v>
      </c>
      <c r="J49" s="11" t="s">
        <v>11</v>
      </c>
      <c r="K49" s="11" t="s">
        <v>14</v>
      </c>
    </row>
    <row r="50" spans="1:11" s="1" customFormat="1" x14ac:dyDescent="0.25">
      <c r="A50" s="11" t="s">
        <v>355</v>
      </c>
      <c r="B50" s="11" t="s">
        <v>11</v>
      </c>
      <c r="C50" s="11" t="s">
        <v>12</v>
      </c>
      <c r="D50" s="11" t="s">
        <v>46</v>
      </c>
      <c r="E50" s="11" t="s">
        <v>395</v>
      </c>
      <c r="F50" s="11" t="s">
        <v>45</v>
      </c>
      <c r="G50" s="16">
        <v>0.37999999999999989</v>
      </c>
      <c r="H50" s="11" t="s">
        <v>11</v>
      </c>
      <c r="I50" s="11" t="s">
        <v>11</v>
      </c>
      <c r="J50" s="11" t="s">
        <v>11</v>
      </c>
      <c r="K50" s="11" t="s">
        <v>14</v>
      </c>
    </row>
    <row r="51" spans="1:11" s="1" customFormat="1" x14ac:dyDescent="0.25">
      <c r="A51" s="11" t="s">
        <v>356</v>
      </c>
      <c r="B51" s="11" t="s">
        <v>11</v>
      </c>
      <c r="C51" s="11" t="s">
        <v>12</v>
      </c>
      <c r="D51" s="11" t="s">
        <v>46</v>
      </c>
      <c r="E51" s="11" t="s">
        <v>395</v>
      </c>
      <c r="F51" s="11" t="s">
        <v>45</v>
      </c>
      <c r="G51" s="16">
        <v>0.37999999999999989</v>
      </c>
      <c r="H51" s="11" t="s">
        <v>11</v>
      </c>
      <c r="I51" s="11" t="s">
        <v>11</v>
      </c>
      <c r="J51" s="11" t="s">
        <v>11</v>
      </c>
      <c r="K51" s="11" t="s">
        <v>14</v>
      </c>
    </row>
    <row r="52" spans="1:11" s="1" customFormat="1" x14ac:dyDescent="0.25">
      <c r="A52" s="11" t="s">
        <v>357</v>
      </c>
      <c r="B52" s="11" t="s">
        <v>11</v>
      </c>
      <c r="C52" s="11" t="s">
        <v>12</v>
      </c>
      <c r="D52" s="11" t="s">
        <v>46</v>
      </c>
      <c r="E52" s="11" t="s">
        <v>395</v>
      </c>
      <c r="F52" s="11" t="s">
        <v>45</v>
      </c>
      <c r="G52" s="16">
        <v>0.37999999999999989</v>
      </c>
      <c r="H52" s="11" t="s">
        <v>11</v>
      </c>
      <c r="I52" s="11" t="s">
        <v>11</v>
      </c>
      <c r="J52" s="11" t="s">
        <v>11</v>
      </c>
      <c r="K52" s="11" t="s">
        <v>14</v>
      </c>
    </row>
    <row r="53" spans="1:11" s="1" customFormat="1" x14ac:dyDescent="0.25">
      <c r="A53" s="11" t="s">
        <v>358</v>
      </c>
      <c r="B53" s="11" t="s">
        <v>11</v>
      </c>
      <c r="C53" s="11" t="s">
        <v>12</v>
      </c>
      <c r="D53" s="11" t="s">
        <v>46</v>
      </c>
      <c r="E53" s="11" t="s">
        <v>395</v>
      </c>
      <c r="F53" s="11" t="s">
        <v>45</v>
      </c>
      <c r="G53" s="16">
        <v>0.37999999999999989</v>
      </c>
      <c r="H53" s="11" t="s">
        <v>11</v>
      </c>
      <c r="I53" s="11" t="s">
        <v>11</v>
      </c>
      <c r="J53" s="11" t="s">
        <v>11</v>
      </c>
      <c r="K53" s="11" t="s">
        <v>14</v>
      </c>
    </row>
    <row r="54" spans="1:11" s="1" customFormat="1" x14ac:dyDescent="0.25">
      <c r="A54" s="11" t="s">
        <v>359</v>
      </c>
      <c r="B54" s="11" t="s">
        <v>11</v>
      </c>
      <c r="C54" s="11" t="s">
        <v>12</v>
      </c>
      <c r="D54" s="11" t="s">
        <v>46</v>
      </c>
      <c r="E54" s="11" t="s">
        <v>395</v>
      </c>
      <c r="F54" s="11" t="s">
        <v>45</v>
      </c>
      <c r="G54" s="16">
        <v>0.37999999999999989</v>
      </c>
      <c r="H54" s="11" t="s">
        <v>11</v>
      </c>
      <c r="I54" s="11" t="s">
        <v>11</v>
      </c>
      <c r="J54" s="11" t="s">
        <v>11</v>
      </c>
      <c r="K54" s="11" t="s">
        <v>14</v>
      </c>
    </row>
    <row r="55" spans="1:11" s="1" customFormat="1" x14ac:dyDescent="0.25">
      <c r="A55" s="11" t="s">
        <v>360</v>
      </c>
      <c r="B55" s="11" t="s">
        <v>11</v>
      </c>
      <c r="C55" s="11" t="s">
        <v>12</v>
      </c>
      <c r="D55" s="11" t="s">
        <v>46</v>
      </c>
      <c r="E55" s="11" t="s">
        <v>395</v>
      </c>
      <c r="F55" s="11" t="s">
        <v>45</v>
      </c>
      <c r="G55" s="16">
        <v>0.37999999999999989</v>
      </c>
      <c r="H55" s="11" t="s">
        <v>11</v>
      </c>
      <c r="I55" s="11" t="s">
        <v>11</v>
      </c>
      <c r="J55" s="11" t="s">
        <v>11</v>
      </c>
      <c r="K55" s="11" t="s">
        <v>14</v>
      </c>
    </row>
    <row r="56" spans="1:11" s="1" customFormat="1" x14ac:dyDescent="0.25">
      <c r="A56" s="11" t="s">
        <v>361</v>
      </c>
      <c r="B56" s="11" t="s">
        <v>11</v>
      </c>
      <c r="C56" s="11" t="s">
        <v>12</v>
      </c>
      <c r="D56" s="11" t="s">
        <v>46</v>
      </c>
      <c r="E56" s="11" t="s">
        <v>395</v>
      </c>
      <c r="F56" s="11" t="s">
        <v>45</v>
      </c>
      <c r="G56" s="16">
        <v>0.37999999999999989</v>
      </c>
      <c r="H56" s="11" t="s">
        <v>11</v>
      </c>
      <c r="I56" s="11" t="s">
        <v>11</v>
      </c>
      <c r="J56" s="11" t="s">
        <v>11</v>
      </c>
      <c r="K56" s="11" t="s">
        <v>14</v>
      </c>
    </row>
    <row r="57" spans="1:11" s="1" customFormat="1" x14ac:dyDescent="0.25">
      <c r="A57" s="11" t="s">
        <v>362</v>
      </c>
      <c r="B57" s="11" t="s">
        <v>11</v>
      </c>
      <c r="C57" s="11" t="s">
        <v>12</v>
      </c>
      <c r="D57" s="11" t="s">
        <v>46</v>
      </c>
      <c r="E57" s="11" t="s">
        <v>395</v>
      </c>
      <c r="F57" s="11" t="s">
        <v>45</v>
      </c>
      <c r="G57" s="16">
        <v>0.37999999999999989</v>
      </c>
      <c r="H57" s="11" t="s">
        <v>11</v>
      </c>
      <c r="I57" s="11" t="s">
        <v>11</v>
      </c>
      <c r="J57" s="11" t="s">
        <v>11</v>
      </c>
      <c r="K57" s="11" t="s">
        <v>14</v>
      </c>
    </row>
    <row r="58" spans="1:11" s="1" customFormat="1" x14ac:dyDescent="0.25">
      <c r="A58" s="11" t="s">
        <v>363</v>
      </c>
      <c r="B58" s="11" t="s">
        <v>11</v>
      </c>
      <c r="C58" s="11" t="s">
        <v>12</v>
      </c>
      <c r="D58" s="11" t="s">
        <v>46</v>
      </c>
      <c r="E58" s="11" t="s">
        <v>395</v>
      </c>
      <c r="F58" s="11" t="s">
        <v>45</v>
      </c>
      <c r="G58" s="16">
        <v>0.37999999999999989</v>
      </c>
      <c r="H58" s="11" t="s">
        <v>11</v>
      </c>
      <c r="I58" s="11" t="s">
        <v>11</v>
      </c>
      <c r="J58" s="11" t="s">
        <v>11</v>
      </c>
      <c r="K58" s="11" t="s">
        <v>14</v>
      </c>
    </row>
    <row r="59" spans="1:11" s="1" customFormat="1" x14ac:dyDescent="0.25">
      <c r="A59" s="11" t="s">
        <v>364</v>
      </c>
      <c r="B59" s="11" t="s">
        <v>11</v>
      </c>
      <c r="C59" s="11" t="s">
        <v>12</v>
      </c>
      <c r="D59" s="11" t="s">
        <v>46</v>
      </c>
      <c r="E59" s="11" t="s">
        <v>395</v>
      </c>
      <c r="F59" s="11" t="s">
        <v>45</v>
      </c>
      <c r="G59" s="16">
        <v>0.37999999999999989</v>
      </c>
      <c r="H59" s="11" t="s">
        <v>11</v>
      </c>
      <c r="I59" s="11" t="s">
        <v>11</v>
      </c>
      <c r="J59" s="11" t="s">
        <v>11</v>
      </c>
      <c r="K59" s="11" t="s">
        <v>14</v>
      </c>
    </row>
    <row r="60" spans="1:11" s="1" customFormat="1" x14ac:dyDescent="0.25">
      <c r="A60" s="11" t="s">
        <v>365</v>
      </c>
      <c r="B60" s="11" t="s">
        <v>11</v>
      </c>
      <c r="C60" s="11" t="s">
        <v>12</v>
      </c>
      <c r="D60" s="11" t="s">
        <v>46</v>
      </c>
      <c r="E60" s="11" t="s">
        <v>395</v>
      </c>
      <c r="F60" s="11" t="s">
        <v>45</v>
      </c>
      <c r="G60" s="16">
        <v>0.37999999999999989</v>
      </c>
      <c r="H60" s="11" t="s">
        <v>11</v>
      </c>
      <c r="I60" s="11" t="s">
        <v>11</v>
      </c>
      <c r="J60" s="11" t="s">
        <v>11</v>
      </c>
      <c r="K60" s="11" t="s">
        <v>14</v>
      </c>
    </row>
    <row r="61" spans="1:11" s="1" customFormat="1" x14ac:dyDescent="0.25">
      <c r="A61" s="11" t="s">
        <v>366</v>
      </c>
      <c r="B61" s="11" t="s">
        <v>11</v>
      </c>
      <c r="C61" s="11" t="s">
        <v>12</v>
      </c>
      <c r="D61" s="11" t="s">
        <v>46</v>
      </c>
      <c r="E61" s="11" t="s">
        <v>395</v>
      </c>
      <c r="F61" s="11" t="s">
        <v>45</v>
      </c>
      <c r="G61" s="16">
        <v>0.37999999999999989</v>
      </c>
      <c r="H61" s="11" t="s">
        <v>11</v>
      </c>
      <c r="I61" s="11" t="s">
        <v>11</v>
      </c>
      <c r="J61" s="11" t="s">
        <v>11</v>
      </c>
      <c r="K61" s="11" t="s">
        <v>14</v>
      </c>
    </row>
    <row r="62" spans="1:11" s="1" customFormat="1" x14ac:dyDescent="0.25">
      <c r="A62" s="11" t="s">
        <v>367</v>
      </c>
      <c r="B62" s="11" t="s">
        <v>11</v>
      </c>
      <c r="C62" s="11" t="s">
        <v>12</v>
      </c>
      <c r="D62" s="11" t="s">
        <v>46</v>
      </c>
      <c r="E62" s="11" t="s">
        <v>395</v>
      </c>
      <c r="F62" s="11" t="s">
        <v>45</v>
      </c>
      <c r="G62" s="16">
        <v>0.37999999999999989</v>
      </c>
      <c r="H62" s="11" t="s">
        <v>11</v>
      </c>
      <c r="I62" s="11" t="s">
        <v>11</v>
      </c>
      <c r="J62" s="11" t="s">
        <v>11</v>
      </c>
      <c r="K62" s="11" t="s">
        <v>14</v>
      </c>
    </row>
    <row r="63" spans="1:11" s="1" customFormat="1" x14ac:dyDescent="0.25">
      <c r="A63" s="11" t="s">
        <v>368</v>
      </c>
      <c r="B63" s="11" t="s">
        <v>11</v>
      </c>
      <c r="C63" s="11" t="s">
        <v>12</v>
      </c>
      <c r="D63" s="11" t="s">
        <v>46</v>
      </c>
      <c r="E63" s="11" t="s">
        <v>395</v>
      </c>
      <c r="F63" s="11" t="s">
        <v>45</v>
      </c>
      <c r="G63" s="16">
        <v>0.37999999999999989</v>
      </c>
      <c r="H63" s="11" t="s">
        <v>11</v>
      </c>
      <c r="I63" s="11" t="s">
        <v>11</v>
      </c>
      <c r="J63" s="11" t="s">
        <v>11</v>
      </c>
      <c r="K63" s="11" t="s">
        <v>14</v>
      </c>
    </row>
    <row r="64" spans="1:11" s="1" customFormat="1" x14ac:dyDescent="0.25">
      <c r="A64" s="11" t="s">
        <v>369</v>
      </c>
      <c r="B64" s="11" t="s">
        <v>11</v>
      </c>
      <c r="C64" s="11" t="s">
        <v>12</v>
      </c>
      <c r="D64" s="11" t="s">
        <v>46</v>
      </c>
      <c r="E64" s="11" t="s">
        <v>395</v>
      </c>
      <c r="F64" s="11" t="s">
        <v>45</v>
      </c>
      <c r="G64" s="16">
        <v>0.37999999999999989</v>
      </c>
      <c r="H64" s="11" t="s">
        <v>11</v>
      </c>
      <c r="I64" s="11" t="s">
        <v>11</v>
      </c>
      <c r="J64" s="11" t="s">
        <v>11</v>
      </c>
      <c r="K64" s="11" t="s">
        <v>14</v>
      </c>
    </row>
    <row r="65" spans="1:11" s="1" customFormat="1" x14ac:dyDescent="0.25">
      <c r="A65" s="11" t="s">
        <v>370</v>
      </c>
      <c r="B65" s="11" t="s">
        <v>11</v>
      </c>
      <c r="C65" s="11" t="s">
        <v>12</v>
      </c>
      <c r="D65" s="11" t="s">
        <v>46</v>
      </c>
      <c r="E65" s="11" t="s">
        <v>395</v>
      </c>
      <c r="F65" s="11" t="s">
        <v>45</v>
      </c>
      <c r="G65" s="16">
        <v>0.37999999999999989</v>
      </c>
      <c r="H65" s="11" t="s">
        <v>11</v>
      </c>
      <c r="I65" s="11" t="s">
        <v>11</v>
      </c>
      <c r="J65" s="11" t="s">
        <v>11</v>
      </c>
      <c r="K65" s="11" t="s">
        <v>14</v>
      </c>
    </row>
    <row r="66" spans="1:11" s="1" customFormat="1" x14ac:dyDescent="0.25">
      <c r="A66" s="11" t="s">
        <v>371</v>
      </c>
      <c r="B66" s="11" t="s">
        <v>11</v>
      </c>
      <c r="C66" s="11" t="s">
        <v>12</v>
      </c>
      <c r="D66" s="11" t="s">
        <v>46</v>
      </c>
      <c r="E66" s="11" t="s">
        <v>395</v>
      </c>
      <c r="F66" s="11" t="s">
        <v>45</v>
      </c>
      <c r="G66" s="16">
        <v>0.37999999999999989</v>
      </c>
      <c r="H66" s="11" t="s">
        <v>11</v>
      </c>
      <c r="I66" s="11" t="s">
        <v>11</v>
      </c>
      <c r="J66" s="11" t="s">
        <v>11</v>
      </c>
      <c r="K66" s="11" t="s">
        <v>14</v>
      </c>
    </row>
    <row r="67" spans="1:11" s="1" customFormat="1" x14ac:dyDescent="0.25">
      <c r="A67" s="11" t="s">
        <v>372</v>
      </c>
      <c r="B67" s="11" t="s">
        <v>11</v>
      </c>
      <c r="C67" s="11" t="s">
        <v>12</v>
      </c>
      <c r="D67" s="11" t="s">
        <v>46</v>
      </c>
      <c r="E67" s="11" t="s">
        <v>395</v>
      </c>
      <c r="F67" s="11" t="s">
        <v>45</v>
      </c>
      <c r="G67" s="16">
        <v>0.37999999999999989</v>
      </c>
      <c r="H67" s="11" t="s">
        <v>11</v>
      </c>
      <c r="I67" s="11" t="s">
        <v>11</v>
      </c>
      <c r="J67" s="11" t="s">
        <v>11</v>
      </c>
      <c r="K67" s="11" t="s">
        <v>14</v>
      </c>
    </row>
    <row r="68" spans="1:11" s="1" customFormat="1" x14ac:dyDescent="0.25">
      <c r="A68" s="11" t="s">
        <v>373</v>
      </c>
      <c r="B68" s="11" t="s">
        <v>11</v>
      </c>
      <c r="C68" s="11" t="s">
        <v>12</v>
      </c>
      <c r="D68" s="11" t="s">
        <v>46</v>
      </c>
      <c r="E68" s="11" t="s">
        <v>395</v>
      </c>
      <c r="F68" s="11" t="s">
        <v>45</v>
      </c>
      <c r="G68" s="16">
        <v>0.37999999999999989</v>
      </c>
      <c r="H68" s="11" t="s">
        <v>11</v>
      </c>
      <c r="I68" s="11" t="s">
        <v>11</v>
      </c>
      <c r="J68" s="11" t="s">
        <v>11</v>
      </c>
      <c r="K68" s="11" t="s">
        <v>14</v>
      </c>
    </row>
    <row r="69" spans="1:11" s="1" customFormat="1" x14ac:dyDescent="0.25">
      <c r="A69" s="11" t="s">
        <v>374</v>
      </c>
      <c r="B69" s="11" t="s">
        <v>11</v>
      </c>
      <c r="C69" s="11" t="s">
        <v>12</v>
      </c>
      <c r="D69" s="11" t="s">
        <v>46</v>
      </c>
      <c r="E69" s="11" t="s">
        <v>395</v>
      </c>
      <c r="F69" s="11" t="s">
        <v>45</v>
      </c>
      <c r="G69" s="16">
        <v>0.37999999999999989</v>
      </c>
      <c r="H69" s="11" t="s">
        <v>11</v>
      </c>
      <c r="I69" s="11" t="s">
        <v>11</v>
      </c>
      <c r="J69" s="11" t="s">
        <v>11</v>
      </c>
      <c r="K69" s="11" t="s">
        <v>14</v>
      </c>
    </row>
    <row r="70" spans="1:11" s="1" customFormat="1" x14ac:dyDescent="0.25">
      <c r="A70" s="11" t="s">
        <v>375</v>
      </c>
      <c r="B70" s="11" t="s">
        <v>11</v>
      </c>
      <c r="C70" s="11" t="s">
        <v>12</v>
      </c>
      <c r="D70" s="11" t="s">
        <v>46</v>
      </c>
      <c r="E70" s="11" t="s">
        <v>395</v>
      </c>
      <c r="F70" s="11" t="s">
        <v>45</v>
      </c>
      <c r="G70" s="16">
        <v>0.37999999999999989</v>
      </c>
      <c r="H70" s="11" t="s">
        <v>11</v>
      </c>
      <c r="I70" s="11" t="s">
        <v>11</v>
      </c>
      <c r="J70" s="11" t="s">
        <v>11</v>
      </c>
      <c r="K70" s="11" t="s">
        <v>14</v>
      </c>
    </row>
    <row r="71" spans="1:11" s="1" customFormat="1" x14ac:dyDescent="0.25">
      <c r="A71" s="11" t="s">
        <v>376</v>
      </c>
      <c r="B71" s="11" t="s">
        <v>11</v>
      </c>
      <c r="C71" s="11" t="s">
        <v>12</v>
      </c>
      <c r="D71" s="11" t="s">
        <v>46</v>
      </c>
      <c r="E71" s="11" t="s">
        <v>395</v>
      </c>
      <c r="F71" s="11" t="s">
        <v>45</v>
      </c>
      <c r="G71" s="16">
        <v>0.37999999999999989</v>
      </c>
      <c r="H71" s="11" t="s">
        <v>11</v>
      </c>
      <c r="I71" s="11" t="s">
        <v>11</v>
      </c>
      <c r="J71" s="11" t="s">
        <v>11</v>
      </c>
      <c r="K71" s="11" t="s">
        <v>14</v>
      </c>
    </row>
    <row r="72" spans="1:11" s="1" customFormat="1" x14ac:dyDescent="0.25">
      <c r="A72" s="11" t="s">
        <v>377</v>
      </c>
      <c r="B72" s="11" t="s">
        <v>11</v>
      </c>
      <c r="C72" s="11" t="s">
        <v>12</v>
      </c>
      <c r="D72" s="11" t="s">
        <v>46</v>
      </c>
      <c r="E72" s="11" t="s">
        <v>395</v>
      </c>
      <c r="F72" s="11" t="s">
        <v>45</v>
      </c>
      <c r="G72" s="16">
        <v>0.37999999999999989</v>
      </c>
      <c r="H72" s="11" t="s">
        <v>11</v>
      </c>
      <c r="I72" s="11" t="s">
        <v>11</v>
      </c>
      <c r="J72" s="11" t="s">
        <v>11</v>
      </c>
      <c r="K72" s="11" t="s">
        <v>14</v>
      </c>
    </row>
    <row r="73" spans="1:11" s="1" customFormat="1" x14ac:dyDescent="0.25">
      <c r="A73" s="11" t="s">
        <v>378</v>
      </c>
      <c r="B73" s="11" t="s">
        <v>11</v>
      </c>
      <c r="C73" s="11" t="s">
        <v>12</v>
      </c>
      <c r="D73" s="11" t="s">
        <v>46</v>
      </c>
      <c r="E73" s="11" t="s">
        <v>395</v>
      </c>
      <c r="F73" s="11" t="s">
        <v>45</v>
      </c>
      <c r="G73" s="16">
        <v>0.37999999999999989</v>
      </c>
      <c r="H73" s="11" t="s">
        <v>11</v>
      </c>
      <c r="I73" s="11" t="s">
        <v>11</v>
      </c>
      <c r="J73" s="11" t="s">
        <v>11</v>
      </c>
      <c r="K73" s="11" t="s">
        <v>14</v>
      </c>
    </row>
    <row r="74" spans="1:11" s="1" customFormat="1" x14ac:dyDescent="0.25">
      <c r="A74" s="11" t="s">
        <v>379</v>
      </c>
      <c r="B74" s="11" t="s">
        <v>11</v>
      </c>
      <c r="C74" s="11" t="s">
        <v>12</v>
      </c>
      <c r="D74" s="11" t="s">
        <v>46</v>
      </c>
      <c r="E74" s="11" t="s">
        <v>395</v>
      </c>
      <c r="F74" s="11" t="s">
        <v>45</v>
      </c>
      <c r="G74" s="16">
        <v>0.37999999999999989</v>
      </c>
      <c r="H74" s="11" t="s">
        <v>11</v>
      </c>
      <c r="I74" s="11" t="s">
        <v>11</v>
      </c>
      <c r="J74" s="11" t="s">
        <v>11</v>
      </c>
      <c r="K74" s="11" t="s">
        <v>14</v>
      </c>
    </row>
    <row r="75" spans="1:11" s="1" customFormat="1" x14ac:dyDescent="0.25">
      <c r="A75" s="11" t="s">
        <v>380</v>
      </c>
      <c r="B75" s="11" t="s">
        <v>11</v>
      </c>
      <c r="C75" s="11" t="s">
        <v>12</v>
      </c>
      <c r="D75" s="11" t="s">
        <v>46</v>
      </c>
      <c r="E75" s="11" t="s">
        <v>395</v>
      </c>
      <c r="F75" s="11" t="s">
        <v>45</v>
      </c>
      <c r="G75" s="16">
        <v>0.37999999999999989</v>
      </c>
      <c r="H75" s="11" t="s">
        <v>11</v>
      </c>
      <c r="I75" s="11" t="s">
        <v>11</v>
      </c>
      <c r="J75" s="11" t="s">
        <v>11</v>
      </c>
      <c r="K75" s="11" t="s">
        <v>14</v>
      </c>
    </row>
    <row r="76" spans="1:11" s="1" customFormat="1" x14ac:dyDescent="0.25">
      <c r="A76" s="11" t="s">
        <v>381</v>
      </c>
      <c r="B76" s="11" t="s">
        <v>11</v>
      </c>
      <c r="C76" s="11" t="s">
        <v>12</v>
      </c>
      <c r="D76" s="11" t="s">
        <v>46</v>
      </c>
      <c r="E76" s="11" t="s">
        <v>395</v>
      </c>
      <c r="F76" s="11" t="s">
        <v>45</v>
      </c>
      <c r="G76" s="16">
        <v>0.37999999999999989</v>
      </c>
      <c r="H76" s="11" t="s">
        <v>11</v>
      </c>
      <c r="I76" s="11" t="s">
        <v>11</v>
      </c>
      <c r="J76" s="11" t="s">
        <v>11</v>
      </c>
      <c r="K76" s="11" t="s">
        <v>14</v>
      </c>
    </row>
    <row r="77" spans="1:11" s="1" customFormat="1" x14ac:dyDescent="0.25">
      <c r="A77" s="11" t="s">
        <v>382</v>
      </c>
      <c r="B77" s="11" t="s">
        <v>11</v>
      </c>
      <c r="C77" s="11" t="s">
        <v>12</v>
      </c>
      <c r="D77" s="11" t="s">
        <v>46</v>
      </c>
      <c r="E77" s="11" t="s">
        <v>395</v>
      </c>
      <c r="F77" s="11" t="s">
        <v>45</v>
      </c>
      <c r="G77" s="16">
        <v>0.37999999999999989</v>
      </c>
      <c r="H77" s="11" t="s">
        <v>11</v>
      </c>
      <c r="I77" s="11" t="s">
        <v>11</v>
      </c>
      <c r="J77" s="11" t="s">
        <v>11</v>
      </c>
      <c r="K77" s="11" t="s">
        <v>14</v>
      </c>
    </row>
    <row r="78" spans="1:11" s="1" customFormat="1" x14ac:dyDescent="0.25">
      <c r="A78" s="11" t="s">
        <v>383</v>
      </c>
      <c r="B78" s="11" t="s">
        <v>11</v>
      </c>
      <c r="C78" s="11" t="s">
        <v>12</v>
      </c>
      <c r="D78" s="11" t="s">
        <v>46</v>
      </c>
      <c r="E78" s="11" t="s">
        <v>395</v>
      </c>
      <c r="F78" s="11" t="s">
        <v>45</v>
      </c>
      <c r="G78" s="16">
        <v>0.37999999999999989</v>
      </c>
      <c r="H78" s="11" t="s">
        <v>11</v>
      </c>
      <c r="I78" s="11" t="s">
        <v>11</v>
      </c>
      <c r="J78" s="11" t="s">
        <v>11</v>
      </c>
      <c r="K78" s="11" t="s">
        <v>14</v>
      </c>
    </row>
    <row r="79" spans="1:11" s="1" customFormat="1" x14ac:dyDescent="0.25">
      <c r="A79" s="11" t="s">
        <v>384</v>
      </c>
      <c r="B79" s="11" t="s">
        <v>11</v>
      </c>
      <c r="C79" s="11" t="s">
        <v>12</v>
      </c>
      <c r="D79" s="11" t="s">
        <v>46</v>
      </c>
      <c r="E79" s="11" t="s">
        <v>395</v>
      </c>
      <c r="F79" s="11" t="s">
        <v>45</v>
      </c>
      <c r="G79" s="16">
        <v>0.37999999999999989</v>
      </c>
      <c r="H79" s="11" t="s">
        <v>11</v>
      </c>
      <c r="I79" s="11" t="s">
        <v>11</v>
      </c>
      <c r="J79" s="11" t="s">
        <v>11</v>
      </c>
      <c r="K79" s="11" t="s">
        <v>14</v>
      </c>
    </row>
    <row r="80" spans="1:11" s="1" customFormat="1" x14ac:dyDescent="0.25">
      <c r="A80" s="11" t="s">
        <v>385</v>
      </c>
      <c r="B80" s="11" t="s">
        <v>11</v>
      </c>
      <c r="C80" s="11" t="s">
        <v>12</v>
      </c>
      <c r="D80" s="11" t="s">
        <v>46</v>
      </c>
      <c r="E80" s="11" t="s">
        <v>395</v>
      </c>
      <c r="F80" s="11" t="s">
        <v>45</v>
      </c>
      <c r="G80" s="16">
        <v>0.37999999999999989</v>
      </c>
      <c r="H80" s="11" t="s">
        <v>11</v>
      </c>
      <c r="I80" s="11" t="s">
        <v>11</v>
      </c>
      <c r="J80" s="11" t="s">
        <v>11</v>
      </c>
      <c r="K80" s="11" t="s">
        <v>14</v>
      </c>
    </row>
    <row r="81" spans="1:11" s="1" customFormat="1" x14ac:dyDescent="0.25">
      <c r="A81" s="11" t="s">
        <v>386</v>
      </c>
      <c r="B81" s="11" t="s">
        <v>11</v>
      </c>
      <c r="C81" s="11" t="s">
        <v>12</v>
      </c>
      <c r="D81" s="11" t="s">
        <v>46</v>
      </c>
      <c r="E81" s="11" t="s">
        <v>395</v>
      </c>
      <c r="F81" s="11" t="s">
        <v>45</v>
      </c>
      <c r="G81" s="16">
        <v>0.37999999999999989</v>
      </c>
      <c r="H81" s="11" t="s">
        <v>11</v>
      </c>
      <c r="I81" s="11" t="s">
        <v>11</v>
      </c>
      <c r="J81" s="11" t="s">
        <v>11</v>
      </c>
      <c r="K81" s="11" t="s">
        <v>14</v>
      </c>
    </row>
    <row r="82" spans="1:11" s="1" customFormat="1" x14ac:dyDescent="0.25">
      <c r="A82" s="11" t="s">
        <v>387</v>
      </c>
      <c r="B82" s="11" t="s">
        <v>11</v>
      </c>
      <c r="C82" s="11" t="s">
        <v>12</v>
      </c>
      <c r="D82" s="11" t="s">
        <v>46</v>
      </c>
      <c r="E82" s="11" t="s">
        <v>395</v>
      </c>
      <c r="F82" s="11" t="s">
        <v>45</v>
      </c>
      <c r="G82" s="16">
        <v>0.37999999999999989</v>
      </c>
      <c r="H82" s="11" t="s">
        <v>11</v>
      </c>
      <c r="I82" s="11" t="s">
        <v>11</v>
      </c>
      <c r="J82" s="11" t="s">
        <v>11</v>
      </c>
      <c r="K82" s="11" t="s">
        <v>14</v>
      </c>
    </row>
    <row r="83" spans="1:11" s="1" customFormat="1" x14ac:dyDescent="0.25">
      <c r="A83" s="11" t="s">
        <v>388</v>
      </c>
      <c r="B83" s="11" t="s">
        <v>11</v>
      </c>
      <c r="C83" s="11" t="s">
        <v>12</v>
      </c>
      <c r="D83" s="11" t="s">
        <v>46</v>
      </c>
      <c r="E83" s="11" t="s">
        <v>395</v>
      </c>
      <c r="F83" s="11" t="s">
        <v>45</v>
      </c>
      <c r="G83" s="16">
        <v>0.37999999999999989</v>
      </c>
      <c r="H83" s="11" t="s">
        <v>11</v>
      </c>
      <c r="I83" s="11" t="s">
        <v>11</v>
      </c>
      <c r="J83" s="11" t="s">
        <v>11</v>
      </c>
      <c r="K83" s="11" t="s">
        <v>14</v>
      </c>
    </row>
    <row r="84" spans="1:11" s="1" customFormat="1" x14ac:dyDescent="0.25">
      <c r="A84" s="11" t="s">
        <v>389</v>
      </c>
      <c r="B84" s="11" t="s">
        <v>11</v>
      </c>
      <c r="C84" s="11" t="s">
        <v>12</v>
      </c>
      <c r="D84" s="11" t="s">
        <v>46</v>
      </c>
      <c r="E84" s="11" t="s">
        <v>395</v>
      </c>
      <c r="F84" s="11" t="s">
        <v>45</v>
      </c>
      <c r="G84" s="16">
        <v>0.37999999999999989</v>
      </c>
      <c r="H84" s="11" t="s">
        <v>11</v>
      </c>
      <c r="I84" s="11" t="s">
        <v>11</v>
      </c>
      <c r="J84" s="11" t="s">
        <v>11</v>
      </c>
      <c r="K84" s="11" t="s">
        <v>14</v>
      </c>
    </row>
    <row r="85" spans="1:11" s="1" customFormat="1" x14ac:dyDescent="0.25">
      <c r="A85" s="11" t="s">
        <v>390</v>
      </c>
      <c r="B85" s="11" t="s">
        <v>11</v>
      </c>
      <c r="C85" s="11" t="s">
        <v>12</v>
      </c>
      <c r="D85" s="11" t="s">
        <v>46</v>
      </c>
      <c r="E85" s="11" t="s">
        <v>395</v>
      </c>
      <c r="F85" s="11" t="s">
        <v>45</v>
      </c>
      <c r="G85" s="16">
        <v>0.37999999999999989</v>
      </c>
      <c r="H85" s="11" t="s">
        <v>11</v>
      </c>
      <c r="I85" s="11" t="s">
        <v>11</v>
      </c>
      <c r="J85" s="11" t="s">
        <v>11</v>
      </c>
      <c r="K85" s="11" t="s">
        <v>14</v>
      </c>
    </row>
    <row r="86" spans="1:11" s="1" customFormat="1" x14ac:dyDescent="0.25">
      <c r="A86" s="11" t="s">
        <v>391</v>
      </c>
      <c r="B86" s="11" t="s">
        <v>11</v>
      </c>
      <c r="C86" s="11" t="s">
        <v>12</v>
      </c>
      <c r="D86" s="11" t="s">
        <v>46</v>
      </c>
      <c r="E86" s="11" t="s">
        <v>395</v>
      </c>
      <c r="F86" s="11" t="s">
        <v>45</v>
      </c>
      <c r="G86" s="16">
        <v>0.37999999999999989</v>
      </c>
      <c r="H86" s="11" t="s">
        <v>11</v>
      </c>
      <c r="I86" s="11" t="s">
        <v>11</v>
      </c>
      <c r="J86" s="11" t="s">
        <v>11</v>
      </c>
      <c r="K86" s="11" t="s">
        <v>14</v>
      </c>
    </row>
    <row r="87" spans="1:11" s="1" customFormat="1" x14ac:dyDescent="0.25">
      <c r="A87" s="11" t="s">
        <v>392</v>
      </c>
      <c r="B87" s="11" t="s">
        <v>11</v>
      </c>
      <c r="C87" s="11" t="s">
        <v>12</v>
      </c>
      <c r="D87" s="11" t="s">
        <v>46</v>
      </c>
      <c r="E87" s="11" t="s">
        <v>395</v>
      </c>
      <c r="F87" s="11" t="s">
        <v>45</v>
      </c>
      <c r="G87" s="16">
        <v>0.37999999999999989</v>
      </c>
      <c r="H87" s="11" t="s">
        <v>11</v>
      </c>
      <c r="I87" s="11" t="s">
        <v>11</v>
      </c>
      <c r="J87" s="11" t="s">
        <v>11</v>
      </c>
      <c r="K87" s="11" t="s">
        <v>14</v>
      </c>
    </row>
    <row r="88" spans="1:11" s="1" customFormat="1" x14ac:dyDescent="0.25">
      <c r="A88" s="11" t="s">
        <v>393</v>
      </c>
      <c r="B88" s="11" t="s">
        <v>11</v>
      </c>
      <c r="C88" s="11" t="s">
        <v>12</v>
      </c>
      <c r="D88" s="11" t="s">
        <v>46</v>
      </c>
      <c r="E88" s="11" t="s">
        <v>395</v>
      </c>
      <c r="F88" s="11" t="s">
        <v>45</v>
      </c>
      <c r="G88" s="16">
        <v>0.37999999999999989</v>
      </c>
      <c r="H88" s="11" t="s">
        <v>11</v>
      </c>
      <c r="I88" s="11" t="s">
        <v>11</v>
      </c>
      <c r="J88" s="11" t="s">
        <v>11</v>
      </c>
      <c r="K88" s="11" t="s">
        <v>14</v>
      </c>
    </row>
    <row r="89" spans="1:11" s="1" customFormat="1" x14ac:dyDescent="0.25">
      <c r="A89" s="11" t="s">
        <v>394</v>
      </c>
      <c r="B89" s="11" t="s">
        <v>11</v>
      </c>
      <c r="C89" s="11" t="s">
        <v>12</v>
      </c>
      <c r="D89" s="11" t="s">
        <v>46</v>
      </c>
      <c r="E89" s="11" t="s">
        <v>395</v>
      </c>
      <c r="F89" s="11" t="s">
        <v>45</v>
      </c>
      <c r="G89" s="16">
        <v>0.37999999999999989</v>
      </c>
      <c r="H89" s="11" t="s">
        <v>11</v>
      </c>
      <c r="I89" s="11" t="s">
        <v>11</v>
      </c>
      <c r="J89" s="11" t="s">
        <v>11</v>
      </c>
      <c r="K89" s="11" t="s">
        <v>14</v>
      </c>
    </row>
  </sheetData>
  <mergeCells count="2">
    <mergeCell ref="A4:K4"/>
    <mergeCell ref="A5:K5"/>
  </mergeCells>
  <pageMargins left="0.511811024" right="0.511811024" top="0.78740157499999996" bottom="0.78740157499999996" header="0.31496062000000002" footer="0.3149606200000000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Planilhas</vt:lpstr>
      </vt:variant>
      <vt:variant>
        <vt:i4>24</vt:i4>
      </vt:variant>
    </vt:vector>
  </HeadingPairs>
  <TitlesOfParts>
    <vt:vector size="24" baseType="lpstr">
      <vt:lpstr>Autopeças</vt:lpstr>
      <vt:lpstr>Bebidas Quentes</vt:lpstr>
      <vt:lpstr>Bebidas Frias e cervejas</vt:lpstr>
      <vt:lpstr>Bebidas Frias e cervejas 2</vt:lpstr>
      <vt:lpstr>Cigarro</vt:lpstr>
      <vt:lpstr>Cimentos</vt:lpstr>
      <vt:lpstr>Ferramentas</vt:lpstr>
      <vt:lpstr>Lâmpadas</vt:lpstr>
      <vt:lpstr>Construção</vt:lpstr>
      <vt:lpstr>Limpeza</vt:lpstr>
      <vt:lpstr>Mat Elétricos</vt:lpstr>
      <vt:lpstr>Medicamentos</vt:lpstr>
      <vt:lpstr>Papeis, plasticos</vt:lpstr>
      <vt:lpstr>Pneumáticos</vt:lpstr>
      <vt:lpstr>Prod Alimentícios</vt:lpstr>
      <vt:lpstr>Prods. papelaria</vt:lpstr>
      <vt:lpstr>Perf e Higiene</vt:lpstr>
      <vt:lpstr>Eletroeletrônicos</vt:lpstr>
      <vt:lpstr>Rações</vt:lpstr>
      <vt:lpstr>Sorvetes</vt:lpstr>
      <vt:lpstr>Tintas</vt:lpstr>
      <vt:lpstr>Veículos Automotores</vt:lpstr>
      <vt:lpstr>Motos</vt:lpstr>
      <vt:lpstr>Porta a Port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xsi="http://www.w3.org/2001/XMLSchema-instance">
  <dcterms:created xsi:type="dcterms:W3CDTF">2019-01-10T18:15:47Z</dcterms:created>
  <dc:creator>MARCIO VALERIO VERBISCK</dc:creator>
  <cp:lastModifiedBy>Gigliola Lilian Decarli</cp:lastModifiedBy>
  <dcterms:modified xsi:type="dcterms:W3CDTF">2019-01-14T16:25:39Z</dcterms:modified>
</cp:coreProperties>
</file>